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1\LRF-2021\RGF 1º Quadrim 2021\"/>
    </mc:Choice>
  </mc:AlternateContent>
  <bookViews>
    <workbookView xWindow="0" yWindow="0" windowWidth="20490" windowHeight="7650" firstSheet="4" activeTab="5"/>
  </bookViews>
  <sheets>
    <sheet name="Anexo - 01 - Despesa com Pessoa" sheetId="1" r:id="rId1"/>
    <sheet name="Anexo - 01.1 - Despesa com Pess" sheetId="2" r:id="rId2"/>
    <sheet name="Anexo - 02 - Dívida Consolidada" sheetId="3" r:id="rId3"/>
    <sheet name="Anexo - 03 - Garantias e Contra" sheetId="4" r:id="rId4"/>
    <sheet name="Anexo - 04 - Operações de Crédi" sheetId="5" r:id="rId5"/>
    <sheet name="Anexo - 06 - Gestão Fiscal Simp" sheetId="6" r:id="rId6"/>
  </sheets>
  <calcPr calcId="0"/>
</workbook>
</file>

<file path=xl/sharedStrings.xml><?xml version="1.0" encoding="utf-8"?>
<sst xmlns="http://schemas.openxmlformats.org/spreadsheetml/2006/main" count="564" uniqueCount="263">
  <si>
    <t>ESTADO DE MATO GROSSO DO SUL</t>
  </si>
  <si>
    <t>Relatório de Gestão Fiscal</t>
  </si>
  <si>
    <t>DEMONSTRATIVO DA DESPESA COM PESSOAL</t>
  </si>
  <si>
    <t>Orçamentos Fiscal e da Seguridade Social</t>
  </si>
  <si>
    <t>JANEIRO A ABRIL DE 2021 / QUADRIMESTRE JANEIRO - ABRIL</t>
  </si>
  <si>
    <t>RGF - Anexo 1 (LRF, art. 55, inciso I, alínea "a")</t>
  </si>
  <si>
    <t>Nº</t>
  </si>
  <si>
    <t/>
  </si>
  <si>
    <t>DESPESA COM PESSOAL</t>
  </si>
  <si>
    <t>Despesas Liquidadas</t>
  </si>
  <si>
    <t>Mai/2020</t>
  </si>
  <si>
    <t>Jun/2020</t>
  </si>
  <si>
    <t>Jul/2020</t>
  </si>
  <si>
    <t>Ago/2020</t>
  </si>
  <si>
    <t>Set/2020</t>
  </si>
  <si>
    <t>Out/2020</t>
  </si>
  <si>
    <t>Nov/2020</t>
  </si>
  <si>
    <t>Dez/2020</t>
  </si>
  <si>
    <t>Jan/2021</t>
  </si>
  <si>
    <t>Fev/2021</t>
  </si>
  <si>
    <t>Mar/2021</t>
  </si>
  <si>
    <t>Abr/2021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0,00</t>
  </si>
  <si>
    <t>5</t>
  </si>
  <si>
    <t xml:space="preserve">   Pessoal Inativo e Pensionistas</t>
  </si>
  <si>
    <t>6</t>
  </si>
  <si>
    <t xml:space="preserve">      Aposentadorias, Reserva e Reformas</t>
  </si>
  <si>
    <t>7</t>
  </si>
  <si>
    <t xml:space="preserve">      Pensões</t>
  </si>
  <si>
    <t>8</t>
  </si>
  <si>
    <t xml:space="preserve">   Outras despesas de pessoal decorrentes de contratos de terceirização ou de contratação de forma indireta (§ 1º do art. 18 da LRF)¹</t>
  </si>
  <si>
    <t>9</t>
  </si>
  <si>
    <t xml:space="preserve">   Despesa com Pessoal não Executada Orçamentariamente </t>
  </si>
  <si>
    <t>10</t>
  </si>
  <si>
    <t>DESPESAS NÃO COMPUTADAS (§ 1º do art. 19 da LRF) (II)</t>
  </si>
  <si>
    <t>11</t>
  </si>
  <si>
    <t xml:space="preserve">   Indenizações por Demissão e Incentivos à Demissão Voluntária</t>
  </si>
  <si>
    <t>12</t>
  </si>
  <si>
    <t xml:space="preserve">   Decorrentes de Decisão Judicial de período anterior ao da apuração</t>
  </si>
  <si>
    <t>13</t>
  </si>
  <si>
    <t xml:space="preserve">   Despesas de Exercícios Anteriores de período anterior ao da apuração</t>
  </si>
  <si>
    <t>14</t>
  </si>
  <si>
    <t xml:space="preserve">   Inativos e Pensionistas com Recursos Vinculados</t>
  </si>
  <si>
    <t>15</t>
  </si>
  <si>
    <t>DESPESA LÍQUIDA COM PESSOAL (III) = (I - II)</t>
  </si>
  <si>
    <t>APURAÇÃO DO CUMPRIMENTO DO LIMITE LEGAL</t>
  </si>
  <si>
    <t>Valor</t>
  </si>
  <si>
    <t>% Sobre a RCL Ajustada</t>
  </si>
  <si>
    <t>16</t>
  </si>
  <si>
    <t>RECEITA CORRENTE LÍQUIDA - RCL (IV)</t>
  </si>
  <si>
    <t>17</t>
  </si>
  <si>
    <t xml:space="preserve">(-) Transferências obrigatórias da União relativas às emendas individuais (art. 166-A, § 1º, da CF) (V) </t>
  </si>
  <si>
    <t>18</t>
  </si>
  <si>
    <t xml:space="preserve">(-) Transferências obrigatórias da União relativas às emendas de bancada (art. 166, § 16 da CF) (VI)  </t>
  </si>
  <si>
    <t>19</t>
  </si>
  <si>
    <t>= RECEITA CORRENTE LÍQUIDA AJUSTADA PARA CÁLCULO DOS LIMITES DA DESPESA COM PESSOAL (VII) = (IV - V - VI)²</t>
  </si>
  <si>
    <t>20</t>
  </si>
  <si>
    <t>DESPESA TOTAL COM PESSOAL - DTP (VIII) = (III a + III b)</t>
  </si>
  <si>
    <t>21</t>
  </si>
  <si>
    <t>LIMITE MÁXIMO (IX) (incisos I, II e III do art.20 da LRF) - 49% da RCL Ajustada (VII)</t>
  </si>
  <si>
    <t>22</t>
  </si>
  <si>
    <t>LIMITE PRUDENCIAL (X) (parágrafo único do art.22 da LRF) - (X) = (0,95*IX)</t>
  </si>
  <si>
    <t>23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³</t>
  </si>
  <si>
    <t>DEMONSTRATIVO DA DESPESA COM PESSOAL - ENTE CONSORCIADO</t>
  </si>
  <si>
    <t>RGF - Anexo 1.1 (Portaria STN nº 72/2012, Art. 11, I)</t>
  </si>
  <si>
    <t>DESPESA COM PESSOAL EXECUTADA EM CONSÓRCIOS PÚBLICOS</t>
  </si>
  <si>
    <t>VALORES TRANSFERIDOS POR CONTRATO DE RATEIO</t>
  </si>
  <si>
    <t>Despesas Executadas (Últimos 12 Meses)</t>
  </si>
  <si>
    <t>Liquidadas (a)</t>
  </si>
  <si>
    <t>Inscritas em Restos a Pagar Não Processados (b) ***1</t>
  </si>
  <si>
    <t>TOTAL (c = a + b)</t>
  </si>
  <si>
    <t xml:space="preserve">   Outras despesas de pessoal decorrentes de contratos de terceirização ou de contratação de forma indireta (§ 1º do art. 18 da LRF)</t>
  </si>
  <si>
    <t>DESPESA TOTAL COM PESSOAL - DTP (III) = (I - II)</t>
  </si>
  <si>
    <t>DEMONSTRATIVO DA DÍVIDA CONSOLIDADA LÍQUIDA</t>
  </si>
  <si>
    <t>RGF - Anexo 2 (LRF, art. 55, inciso I, alínea "b")</t>
  </si>
  <si>
    <t>DÍVIDA CONSOLIDADA</t>
  </si>
  <si>
    <t>Saldo do Exercício Anterior</t>
  </si>
  <si>
    <t>Saldo do Exercício de 2021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 xml:space="preserve">   Demais Haveres Financeiros</t>
  </si>
  <si>
    <t>25</t>
  </si>
  <si>
    <t>DÍVIDA CONSOLIDADA LÍQUIDA² (DCL) (III) = (I - II)</t>
  </si>
  <si>
    <t>26</t>
  </si>
  <si>
    <t>27</t>
  </si>
  <si>
    <t>(-) Transferências obrigatórias da União relativas às emendas individuais (art. 166-A, § 1º, da CF)  (V)</t>
  </si>
  <si>
    <t>28</t>
  </si>
  <si>
    <t>= RECEITA CORRENTE LÍQUIDA AJUSTADA PARA CÁLCULO DOS LIMITES DE ENDIVIDAMENTO (VI) = (IV - V)</t>
  </si>
  <si>
    <t>29</t>
  </si>
  <si>
    <t>% DA DC SOBRE A RCL Ajustada (I/VI)</t>
  </si>
  <si>
    <t>30</t>
  </si>
  <si>
    <t>% DA DCL SOBRE A RCL Ajustada (III/VI)</t>
  </si>
  <si>
    <t>31</t>
  </si>
  <si>
    <t>LIMITE DEFINIDO POR RESOLUÇÃO DO SENADO FEDERAL - 200%</t>
  </si>
  <si>
    <t>32</t>
  </si>
  <si>
    <t>LIMITE DE ALERTA - 180% - (inciso III do § 1º do art. 59 da LRF)</t>
  </si>
  <si>
    <t>OUTROS VALORES NÃO INTEGRANTES DA DC</t>
  </si>
  <si>
    <t>33</t>
  </si>
  <si>
    <t>PRECATÓRIOS ANTERIORES A 05/05/2000</t>
  </si>
  <si>
    <t>34</t>
  </si>
  <si>
    <t>PRECATÓRIOS POSTERIORES A 05/05/2000 (Não incluídos na DC)²</t>
  </si>
  <si>
    <t>35</t>
  </si>
  <si>
    <t>PASSIVO ATUARIAL</t>
  </si>
  <si>
    <t>36</t>
  </si>
  <si>
    <t>INSUFICIÊNCIA FINANCEIRA</t>
  </si>
  <si>
    <t>37</t>
  </si>
  <si>
    <t>DEPÓSITOS E CONSIGNAÇÕES SEM CONTRAPARTIDA</t>
  </si>
  <si>
    <t>38</t>
  </si>
  <si>
    <t xml:space="preserve">RP NÃO-PROCESSADOS </t>
  </si>
  <si>
    <t>39</t>
  </si>
  <si>
    <t>ANTECIPAÇÕES DE RECEITA ORÇAMENTÁRIA – ARO</t>
  </si>
  <si>
    <t>40</t>
  </si>
  <si>
    <t>DÍVIDA CONTRATUAL DE PPP</t>
  </si>
  <si>
    <t>41</t>
  </si>
  <si>
    <t>APROPRIAÇÃO DE DEPÓSITOS JUDICIAIS</t>
  </si>
  <si>
    <t>TRAJETÓRIA DE RETORNO AO LIMITE DA DÍVIDA CONSOLIDADA LÍQUIDA</t>
  </si>
  <si>
    <t>Quadrimestre do Exercício em que o ente excedeu o limite</t>
  </si>
  <si>
    <t>% DCL (b)</t>
  </si>
  <si>
    <t>Redutor mínimo de 25% do Excedente (d) = (0,25*c)</t>
  </si>
  <si>
    <t>% DCL (f)</t>
  </si>
  <si>
    <t>Redutor Residual (g) = (f-a)</t>
  </si>
  <si>
    <t>Limite (h) = (e)</t>
  </si>
  <si>
    <t>% DCL (i)</t>
  </si>
  <si>
    <t>Terceiro período seguinte</t>
  </si>
  <si>
    <t>Redutor Residual (j) = (i-a)</t>
  </si>
  <si>
    <t>Limite (k) = (a)</t>
  </si>
  <si>
    <t>% DCL (l)</t>
  </si>
  <si>
    <t>42</t>
  </si>
  <si>
    <t>Trajetória de retorno ao Limite da DCL</t>
  </si>
  <si>
    <t>DEMONSTRATIVO DAS GARANTIAS E CONTRAGARANTIAS DE VALORES</t>
  </si>
  <si>
    <t>RGF - Anexo 3 (LRF, art. 55, inciso I, alínea "c" e art. 40, § 1º)</t>
  </si>
  <si>
    <t>GARANTIAS CONCEDIDAS</t>
  </si>
  <si>
    <t>AOS ESTADOS (I)</t>
  </si>
  <si>
    <t xml:space="preserve">   Em Operações de Crédito Externas</t>
  </si>
  <si>
    <t xml:space="preserve">   Em Operações de Crédito Internas</t>
  </si>
  <si>
    <t>AOS MUNICÍPIOS (II)</t>
  </si>
  <si>
    <t xml:space="preserve">   Em Operações de Crédito Externas </t>
  </si>
  <si>
    <t>ÀS ENTIDADES CONTROLADAS (III)</t>
  </si>
  <si>
    <t>POR MEIO DE FUNDOS E PROGRAMAS (IV)</t>
  </si>
  <si>
    <t>TOTAL GARANTIAS CONCEDIDAS (V) = (I + II + III + IV)</t>
  </si>
  <si>
    <t>RECEITA CORRENTE LÍQUIDA - RCL (VI)</t>
  </si>
  <si>
    <t>(-) Transferências obrigatórias da União relativas às emendas individuais  (art. 166-A, § 1º,  da CF)  (VII)</t>
  </si>
  <si>
    <t>RECEITA CORRENTE LÍQUIDA AJUSTADA PARA CÁLCULO DOS LIMITES DE ENDIVIDAMENTO (VIII) = (VI - VII)</t>
  </si>
  <si>
    <t>% do TOTAL DAS GARANTIAS sobre a RCL AJUSTADA (V/VIII)</t>
  </si>
  <si>
    <t>LIMITE DEFINIDO POR RESOLUÇÃO DO SENADO FEDERAL - %</t>
  </si>
  <si>
    <t>LIMITE DE ALERTA (inciso III do §1º do art. 59 da LRF) - %</t>
  </si>
  <si>
    <t>CONTRAGARANTIAS RECEBIDAS</t>
  </si>
  <si>
    <t>DOS ESTADOS (VII)</t>
  </si>
  <si>
    <t xml:space="preserve">   Em Garantia às operações de Crédito Externas</t>
  </si>
  <si>
    <t xml:space="preserve">    Em Garantia às operações de Crédito Internas</t>
  </si>
  <si>
    <t>DOS MUNICÍPIOS (VIII)</t>
  </si>
  <si>
    <t xml:space="preserve">   Em Garantia às operações de Crédito Internas</t>
  </si>
  <si>
    <t>DAS ENTIDADES CONTROLADAS (IX)</t>
  </si>
  <si>
    <t>EM GARANTIAS POR MEIO DE FUNDOS E PROGRAMAS (X)</t>
  </si>
  <si>
    <t>TOTAL CONTRAGARANTIAS RECEBIDAS (XI) = (VII + VIII + IX + X)</t>
  </si>
  <si>
    <t>MEDIDAS CORRETIVAS</t>
  </si>
  <si>
    <t>Descrição</t>
  </si>
  <si>
    <t>DEMONSTRATIVO DAS OPERAÇÕES DE CRÉDITO</t>
  </si>
  <si>
    <t>RGF - Anexo 4 (LRF, art. 55, inciso I, alínea "d" e inciso III alínea "c")</t>
  </si>
  <si>
    <t>OPERAÇÕES DE CRÉDITO</t>
  </si>
  <si>
    <t>Valor Realizado</t>
  </si>
  <si>
    <t>No Quadrimestre de Referência</t>
  </si>
  <si>
    <t>Até o Quadrimestre de Referência (a)</t>
  </si>
  <si>
    <t>Mobiliária</t>
  </si>
  <si>
    <t xml:space="preserve">   Interna</t>
  </si>
  <si>
    <t xml:space="preserve">   Externa</t>
  </si>
  <si>
    <t>Contratual</t>
  </si>
  <si>
    <t xml:space="preserve">      Aquisição Financiada de Bens e Arrendamento Mercantil Financeiro</t>
  </si>
  <si>
    <t xml:space="preserve">      Antecipação de Receita pela Venda a Termo de Bens e Serviços</t>
  </si>
  <si>
    <t xml:space="preserve">      Assunção, Reconhecimento e Confissão de Dívidas (LRF, art. 29, § 1º)</t>
  </si>
  <si>
    <t xml:space="preserve">      Operações de crédito não sujeitas ao limite para fins de contratação¹ (I)</t>
  </si>
  <si>
    <t xml:space="preserve">      Antecipações de Receitas pela Venda a Termo de Bens e Serviços</t>
  </si>
  <si>
    <t xml:space="preserve">      Operações de crédito não sujeitas ao limite para fins de contratação¹ (II)</t>
  </si>
  <si>
    <t>TOTAL (III)</t>
  </si>
  <si>
    <t>APURAÇÃO DO CUMPRIMENTO DOS LIMITES</t>
  </si>
  <si>
    <t>% Sobre a RCL</t>
  </si>
  <si>
    <t>RECEITA CORRENTE LÍQUIDA – RCL (IV)</t>
  </si>
  <si>
    <t>(-) Transferências obrigatórias da União relativas às emendas individuais  (§ 1º, art. 166-A da CF)  (V)</t>
  </si>
  <si>
    <t>RECEITA CORRENTE LÍQUIDA AJUSTADA PARA CÁLCULO DOS LIMITES DE ENDIVIDAMENTO (VI) = (IV - V)</t>
  </si>
  <si>
    <t>OPERAÇÕES VEDADAS (VII)</t>
  </si>
  <si>
    <t>TOTAL CONSIDERADO PARA FINS DA APURAÇÃO DO CUMPRIMENTO DO LIMITE (VIII) = (IIIa + VII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DEMONSTRATIVO SIMPLIFICADO DO RELATÓRIO DE GESTÃO FISCAL</t>
  </si>
  <si>
    <t>RGF - Anexo 6 (LRF, art. 48)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49%</t>
  </si>
  <si>
    <t>Limite Prudencial (parágrafo único, art. 22 da LRF) - 46,55%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4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1"/>
  <sheetViews>
    <sheetView showGridLines="0" workbookViewId="0">
      <selection activeCell="C41" sqref="C41:K41"/>
    </sheetView>
  </sheetViews>
  <sheetFormatPr defaultRowHeight="15" x14ac:dyDescent="0.25"/>
  <cols>
    <col min="1" max="1" width="2.7109375" bestFit="1" customWidth="1"/>
    <col min="2" max="2" width="90.140625" bestFit="1" customWidth="1"/>
    <col min="3" max="3" width="20.140625" bestFit="1" customWidth="1"/>
    <col min="4" max="4" width="17.42578125" bestFit="1" customWidth="1"/>
    <col min="5" max="14" width="17.28515625" bestFit="1" customWidth="1"/>
    <col min="15" max="15" width="19" bestFit="1" customWidth="1"/>
    <col min="16" max="16" width="13.140625" bestFit="1" customWidth="1"/>
  </cols>
  <sheetData>
    <row r="3" spans="1:16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  <c r="O3" s="8"/>
      <c r="P3" s="8"/>
    </row>
    <row r="4" spans="1:16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</row>
    <row r="5" spans="1:16" x14ac:dyDescent="0.25">
      <c r="A5" s="9" t="s">
        <v>2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  <c r="O5" s="8"/>
      <c r="P5" s="8"/>
    </row>
    <row r="6" spans="1:16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</row>
    <row r="7" spans="1:16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8"/>
      <c r="O7" s="8"/>
      <c r="P7" s="8"/>
    </row>
    <row r="9" spans="1:16" x14ac:dyDescent="0.25">
      <c r="A9" s="10" t="s">
        <v>5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  <c r="M9" s="8"/>
      <c r="N9" s="8"/>
      <c r="O9" s="8"/>
      <c r="P9" s="8"/>
    </row>
    <row r="10" spans="1:16" x14ac:dyDescent="0.25">
      <c r="A10" s="11" t="s">
        <v>6</v>
      </c>
      <c r="B10" s="11" t="s">
        <v>8</v>
      </c>
      <c r="C10" s="11" t="s">
        <v>9</v>
      </c>
      <c r="D10" s="11" t="s">
        <v>7</v>
      </c>
      <c r="E10" s="11" t="s">
        <v>7</v>
      </c>
      <c r="F10" s="11" t="s">
        <v>7</v>
      </c>
      <c r="G10" s="11" t="s">
        <v>7</v>
      </c>
      <c r="H10" s="11" t="s">
        <v>7</v>
      </c>
      <c r="I10" s="11" t="s">
        <v>7</v>
      </c>
      <c r="J10" s="11" t="s">
        <v>7</v>
      </c>
      <c r="K10" s="11" t="s">
        <v>7</v>
      </c>
      <c r="L10" s="11" t="s">
        <v>7</v>
      </c>
      <c r="M10" s="11" t="s">
        <v>7</v>
      </c>
      <c r="N10" s="11" t="s">
        <v>7</v>
      </c>
      <c r="O10" s="11" t="s">
        <v>7</v>
      </c>
      <c r="P10" s="11" t="s">
        <v>23</v>
      </c>
    </row>
    <row r="11" spans="1:16" ht="52.5" x14ac:dyDescent="0.25">
      <c r="A11" s="11" t="s">
        <v>7</v>
      </c>
      <c r="B11" s="11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1" t="s">
        <v>7</v>
      </c>
    </row>
    <row r="12" spans="1:16" x14ac:dyDescent="0.25">
      <c r="A12" s="4" t="s">
        <v>24</v>
      </c>
      <c r="B12" s="6" t="s">
        <v>25</v>
      </c>
      <c r="C12" s="12">
        <v>531734887.83999997</v>
      </c>
      <c r="D12" s="12">
        <v>778506396.96000004</v>
      </c>
      <c r="E12" s="12">
        <v>662036596.38999999</v>
      </c>
      <c r="F12" s="12">
        <v>674586746.86000001</v>
      </c>
      <c r="G12" s="12">
        <v>660467546.29999995</v>
      </c>
      <c r="H12" s="12">
        <v>685311961.50999999</v>
      </c>
      <c r="I12" s="12">
        <v>965678977.10000002</v>
      </c>
      <c r="J12" s="12">
        <v>750839181.27999997</v>
      </c>
      <c r="K12" s="12">
        <v>994043599</v>
      </c>
      <c r="L12" s="12">
        <v>680482318.45000005</v>
      </c>
      <c r="M12" s="12">
        <v>715347018.23000002</v>
      </c>
      <c r="N12" s="12">
        <v>719070208.19000006</v>
      </c>
      <c r="O12" s="12">
        <v>8818105438.1100006</v>
      </c>
      <c r="P12" s="12">
        <v>272639.78999999998</v>
      </c>
    </row>
    <row r="13" spans="1:16" x14ac:dyDescent="0.25">
      <c r="A13" s="4" t="s">
        <v>26</v>
      </c>
      <c r="B13" s="6" t="s">
        <v>27</v>
      </c>
      <c r="C13" s="12">
        <v>378320502.17000002</v>
      </c>
      <c r="D13" s="12">
        <v>450826662.10000002</v>
      </c>
      <c r="E13" s="12">
        <v>421047503.38</v>
      </c>
      <c r="F13" s="12">
        <v>421063408.56999999</v>
      </c>
      <c r="G13" s="12">
        <v>434979022.27999997</v>
      </c>
      <c r="H13" s="12">
        <v>438782626.63999999</v>
      </c>
      <c r="I13" s="12">
        <v>527597476.68000001</v>
      </c>
      <c r="J13" s="12">
        <v>700391432.80999994</v>
      </c>
      <c r="K13" s="12">
        <v>518864076.17000002</v>
      </c>
      <c r="L13" s="12">
        <v>443520011.55000001</v>
      </c>
      <c r="M13" s="12">
        <v>455348488.45999998</v>
      </c>
      <c r="N13" s="12">
        <v>470820313.61000001</v>
      </c>
      <c r="O13" s="12">
        <v>5661561524.4200001</v>
      </c>
      <c r="P13" s="12">
        <v>272639.78999999998</v>
      </c>
    </row>
    <row r="14" spans="1:16" x14ac:dyDescent="0.25">
      <c r="A14" s="3" t="s">
        <v>28</v>
      </c>
      <c r="B14" s="5" t="s">
        <v>29</v>
      </c>
      <c r="C14" s="13">
        <v>268653811.63999999</v>
      </c>
      <c r="D14" s="13">
        <v>292197817.00999999</v>
      </c>
      <c r="E14" s="13">
        <v>285691145.47000003</v>
      </c>
      <c r="F14" s="13">
        <v>287369981.38</v>
      </c>
      <c r="G14" s="13">
        <v>298251272.02999997</v>
      </c>
      <c r="H14" s="13">
        <v>303795414.56</v>
      </c>
      <c r="I14" s="13">
        <v>385391745.25</v>
      </c>
      <c r="J14" s="13">
        <v>435241813.56999999</v>
      </c>
      <c r="K14" s="13">
        <v>370215851.67000002</v>
      </c>
      <c r="L14" s="13">
        <v>296691845.88</v>
      </c>
      <c r="M14" s="13">
        <v>307762926.60000002</v>
      </c>
      <c r="N14" s="13">
        <v>322249654.18000001</v>
      </c>
      <c r="O14" s="13">
        <v>3853513279.2399998</v>
      </c>
      <c r="P14" s="13">
        <v>272639.78999999998</v>
      </c>
    </row>
    <row r="15" spans="1:16" x14ac:dyDescent="0.25">
      <c r="A15" s="3" t="s">
        <v>30</v>
      </c>
      <c r="B15" s="5" t="s">
        <v>31</v>
      </c>
      <c r="C15" s="13">
        <v>109666690.53</v>
      </c>
      <c r="D15" s="13">
        <v>158628845.09</v>
      </c>
      <c r="E15" s="13">
        <v>135356357.91</v>
      </c>
      <c r="F15" s="13">
        <v>133693427.19</v>
      </c>
      <c r="G15" s="13">
        <v>136727750.25</v>
      </c>
      <c r="H15" s="13">
        <v>134987212.08000001</v>
      </c>
      <c r="I15" s="13">
        <v>142205731.43000001</v>
      </c>
      <c r="J15" s="13">
        <v>265149619.24000001</v>
      </c>
      <c r="K15" s="13">
        <v>148648224.5</v>
      </c>
      <c r="L15" s="13">
        <v>146828165.66999999</v>
      </c>
      <c r="M15" s="13">
        <v>147585561.86000001</v>
      </c>
      <c r="N15" s="13">
        <v>148570659.43000001</v>
      </c>
      <c r="O15" s="13">
        <v>1808048245.1800001</v>
      </c>
      <c r="P15" s="13">
        <v>0</v>
      </c>
    </row>
    <row r="16" spans="1:16" x14ac:dyDescent="0.25">
      <c r="A16" s="4" t="s">
        <v>33</v>
      </c>
      <c r="B16" s="6" t="s">
        <v>34</v>
      </c>
      <c r="C16" s="12">
        <v>153414385.66999999</v>
      </c>
      <c r="D16" s="12">
        <v>327679734.86000001</v>
      </c>
      <c r="E16" s="12">
        <v>240989093.00999999</v>
      </c>
      <c r="F16" s="12">
        <v>253523338.28999999</v>
      </c>
      <c r="G16" s="12">
        <v>225488524.02000001</v>
      </c>
      <c r="H16" s="12">
        <v>246529334.87</v>
      </c>
      <c r="I16" s="12">
        <v>438081500.42000002</v>
      </c>
      <c r="J16" s="12">
        <v>50447748.469999999</v>
      </c>
      <c r="K16" s="12">
        <v>475179522.82999998</v>
      </c>
      <c r="L16" s="12">
        <v>236962306.90000001</v>
      </c>
      <c r="M16" s="12">
        <v>259998529.77000001</v>
      </c>
      <c r="N16" s="12">
        <v>248249894.58000001</v>
      </c>
      <c r="O16" s="12">
        <v>3156543913.6900001</v>
      </c>
      <c r="P16" s="12">
        <v>0</v>
      </c>
    </row>
    <row r="17" spans="1:16" x14ac:dyDescent="0.25">
      <c r="A17" s="3" t="s">
        <v>35</v>
      </c>
      <c r="B17" s="5" t="s">
        <v>36</v>
      </c>
      <c r="C17" s="13">
        <v>132351894.86</v>
      </c>
      <c r="D17" s="13">
        <v>287192224.13</v>
      </c>
      <c r="E17" s="13">
        <v>210005236.34999999</v>
      </c>
      <c r="F17" s="13">
        <v>221559415.28999999</v>
      </c>
      <c r="G17" s="13">
        <v>195734987.13999999</v>
      </c>
      <c r="H17" s="13">
        <v>215307298.75999999</v>
      </c>
      <c r="I17" s="13">
        <v>382212564.41000003</v>
      </c>
      <c r="J17" s="13">
        <v>44309079.630000003</v>
      </c>
      <c r="K17" s="13">
        <v>411105523.08999997</v>
      </c>
      <c r="L17" s="13">
        <v>205732248.66</v>
      </c>
      <c r="M17" s="13">
        <v>228193151.40000001</v>
      </c>
      <c r="N17" s="13">
        <v>214319293.13</v>
      </c>
      <c r="O17" s="13">
        <v>2748022916.8499999</v>
      </c>
      <c r="P17" s="13">
        <v>0</v>
      </c>
    </row>
    <row r="18" spans="1:16" x14ac:dyDescent="0.25">
      <c r="A18" s="3" t="s">
        <v>37</v>
      </c>
      <c r="B18" s="5" t="s">
        <v>38</v>
      </c>
      <c r="C18" s="13">
        <v>21062490.809999999</v>
      </c>
      <c r="D18" s="13">
        <v>40487510.729999997</v>
      </c>
      <c r="E18" s="13">
        <v>30983856.66</v>
      </c>
      <c r="F18" s="13">
        <v>31963923</v>
      </c>
      <c r="G18" s="13">
        <v>29753536.879999999</v>
      </c>
      <c r="H18" s="13">
        <v>31222036.109999999</v>
      </c>
      <c r="I18" s="13">
        <v>55868936.009999998</v>
      </c>
      <c r="J18" s="13">
        <v>6138668.8399999999</v>
      </c>
      <c r="K18" s="13">
        <v>64073999.740000002</v>
      </c>
      <c r="L18" s="13">
        <v>31230058.239999998</v>
      </c>
      <c r="M18" s="13">
        <v>31805378.370000001</v>
      </c>
      <c r="N18" s="13">
        <v>33930601.450000003</v>
      </c>
      <c r="O18" s="13">
        <v>408520996.83999997</v>
      </c>
      <c r="P18" s="13">
        <v>0</v>
      </c>
    </row>
    <row r="19" spans="1:16" x14ac:dyDescent="0.25">
      <c r="A19" s="3" t="s">
        <v>39</v>
      </c>
      <c r="B19" s="5" t="s">
        <v>40</v>
      </c>
      <c r="C19" s="13">
        <v>0</v>
      </c>
      <c r="D19" s="13">
        <v>0</v>
      </c>
      <c r="E19" s="13">
        <v>0</v>
      </c>
      <c r="F19" s="13">
        <v>0</v>
      </c>
      <c r="G19" s="13">
        <v>0</v>
      </c>
      <c r="H19" s="13">
        <v>0</v>
      </c>
      <c r="I19" s="13">
        <v>0</v>
      </c>
      <c r="J19" s="13">
        <v>0</v>
      </c>
      <c r="K19" s="13">
        <v>0</v>
      </c>
      <c r="L19" s="13">
        <v>0</v>
      </c>
      <c r="M19" s="13">
        <v>0</v>
      </c>
      <c r="N19" s="13">
        <v>0</v>
      </c>
      <c r="O19" s="13">
        <v>0</v>
      </c>
      <c r="P19" s="13">
        <v>0</v>
      </c>
    </row>
    <row r="20" spans="1:16" x14ac:dyDescent="0.25">
      <c r="A20" s="3" t="s">
        <v>41</v>
      </c>
      <c r="B20" s="5" t="s">
        <v>42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  <c r="I20" s="13">
        <v>0</v>
      </c>
      <c r="J20" s="13">
        <v>0</v>
      </c>
      <c r="K20" s="13">
        <v>0</v>
      </c>
      <c r="L20" s="13">
        <v>0</v>
      </c>
      <c r="M20" s="13">
        <v>0</v>
      </c>
      <c r="N20" s="13">
        <v>0</v>
      </c>
      <c r="O20" s="13">
        <v>0</v>
      </c>
      <c r="P20" s="13">
        <v>0</v>
      </c>
    </row>
    <row r="21" spans="1:16" x14ac:dyDescent="0.25">
      <c r="A21" s="4" t="s">
        <v>43</v>
      </c>
      <c r="B21" s="6" t="s">
        <v>44</v>
      </c>
      <c r="C21" s="12">
        <v>136834704.71000001</v>
      </c>
      <c r="D21" s="12">
        <v>285367272.30000001</v>
      </c>
      <c r="E21" s="12">
        <v>218204555</v>
      </c>
      <c r="F21" s="12">
        <v>222448975.96000001</v>
      </c>
      <c r="G21" s="12">
        <v>213335561.63</v>
      </c>
      <c r="H21" s="12">
        <v>223034260.38999999</v>
      </c>
      <c r="I21" s="12">
        <v>386079166.86000001</v>
      </c>
      <c r="J21" s="12">
        <v>98563048.439999998</v>
      </c>
      <c r="K21" s="12">
        <v>424005647.88999999</v>
      </c>
      <c r="L21" s="12">
        <v>175267399.41</v>
      </c>
      <c r="M21" s="12">
        <v>195521646.80000001</v>
      </c>
      <c r="N21" s="12">
        <v>209371056.16</v>
      </c>
      <c r="O21" s="12">
        <v>2788033295.5500002</v>
      </c>
      <c r="P21" s="12">
        <v>0</v>
      </c>
    </row>
    <row r="22" spans="1:16" x14ac:dyDescent="0.25">
      <c r="A22" s="3" t="s">
        <v>45</v>
      </c>
      <c r="B22" s="5" t="s">
        <v>46</v>
      </c>
      <c r="C22" s="13">
        <v>1995927.43</v>
      </c>
      <c r="D22" s="13">
        <v>2710470.91</v>
      </c>
      <c r="E22" s="13">
        <v>2037255.54</v>
      </c>
      <c r="F22" s="13">
        <v>2360081.27</v>
      </c>
      <c r="G22" s="13">
        <v>2047875.15</v>
      </c>
      <c r="H22" s="13">
        <v>3232815.95</v>
      </c>
      <c r="I22" s="13">
        <v>1982161.1</v>
      </c>
      <c r="J22" s="13">
        <v>1175230.73</v>
      </c>
      <c r="K22" s="13">
        <v>2425319.54</v>
      </c>
      <c r="L22" s="13">
        <v>2268144.1</v>
      </c>
      <c r="M22" s="13">
        <v>2392227.6</v>
      </c>
      <c r="N22" s="13">
        <v>1680297.95</v>
      </c>
      <c r="O22" s="13">
        <v>26307807.27</v>
      </c>
      <c r="P22" s="13">
        <v>0</v>
      </c>
    </row>
    <row r="23" spans="1:16" x14ac:dyDescent="0.25">
      <c r="A23" s="3" t="s">
        <v>47</v>
      </c>
      <c r="B23" s="5" t="s">
        <v>48</v>
      </c>
      <c r="C23" s="13">
        <v>3930615.03</v>
      </c>
      <c r="D23" s="13">
        <v>22387780.149999999</v>
      </c>
      <c r="E23" s="13">
        <v>21334378.5</v>
      </c>
      <c r="F23" s="13">
        <v>23574246.760000002</v>
      </c>
      <c r="G23" s="13">
        <v>28520039.879999999</v>
      </c>
      <c r="H23" s="13">
        <v>25149881.859999999</v>
      </c>
      <c r="I23" s="13">
        <v>25954656.699999999</v>
      </c>
      <c r="J23" s="13">
        <v>2252.39</v>
      </c>
      <c r="K23" s="13">
        <v>51326951.390000001</v>
      </c>
      <c r="L23" s="13">
        <v>25789395.850000001</v>
      </c>
      <c r="M23" s="13">
        <v>25904394.960000001</v>
      </c>
      <c r="N23" s="13">
        <v>26174270.629999999</v>
      </c>
      <c r="O23" s="13">
        <v>280048864.10000002</v>
      </c>
      <c r="P23" s="13">
        <v>0</v>
      </c>
    </row>
    <row r="24" spans="1:16" x14ac:dyDescent="0.25">
      <c r="A24" s="3" t="s">
        <v>49</v>
      </c>
      <c r="B24" s="5" t="s">
        <v>50</v>
      </c>
      <c r="C24" s="13">
        <v>754513.85</v>
      </c>
      <c r="D24" s="13">
        <v>881819.32</v>
      </c>
      <c r="E24" s="13">
        <v>539342.29</v>
      </c>
      <c r="F24" s="13">
        <v>315809.84000000003</v>
      </c>
      <c r="G24" s="13">
        <v>390712.65</v>
      </c>
      <c r="H24" s="13">
        <v>253500.41</v>
      </c>
      <c r="I24" s="13">
        <v>358569.3</v>
      </c>
      <c r="J24" s="13">
        <v>2447268.6800000002</v>
      </c>
      <c r="K24" s="13">
        <v>2540626.86</v>
      </c>
      <c r="L24" s="13">
        <v>2923150.88</v>
      </c>
      <c r="M24" s="13">
        <v>4719634</v>
      </c>
      <c r="N24" s="13">
        <v>6218895.1200000001</v>
      </c>
      <c r="O24" s="13">
        <v>22343843.199999999</v>
      </c>
      <c r="P24" s="13">
        <v>0</v>
      </c>
    </row>
    <row r="25" spans="1:16" x14ac:dyDescent="0.25">
      <c r="A25" s="3" t="s">
        <v>51</v>
      </c>
      <c r="B25" s="5" t="s">
        <v>52</v>
      </c>
      <c r="C25" s="13">
        <v>130153648.40000001</v>
      </c>
      <c r="D25" s="13">
        <v>259387201.91999999</v>
      </c>
      <c r="E25" s="13">
        <v>194293578.66999999</v>
      </c>
      <c r="F25" s="13">
        <v>196198838.09</v>
      </c>
      <c r="G25" s="13">
        <v>182376933.94999999</v>
      </c>
      <c r="H25" s="13">
        <v>194398062.16999999</v>
      </c>
      <c r="I25" s="13">
        <v>357783779.75999999</v>
      </c>
      <c r="J25" s="13">
        <v>94938296.640000001</v>
      </c>
      <c r="K25" s="13">
        <v>367712750.10000002</v>
      </c>
      <c r="L25" s="13">
        <v>144286708.58000001</v>
      </c>
      <c r="M25" s="13">
        <v>162505390.24000001</v>
      </c>
      <c r="N25" s="13">
        <v>175297592.46000001</v>
      </c>
      <c r="O25" s="13">
        <v>2459332780.98</v>
      </c>
      <c r="P25" s="13">
        <v>0</v>
      </c>
    </row>
    <row r="26" spans="1:16" x14ac:dyDescent="0.25">
      <c r="A26" s="4" t="s">
        <v>53</v>
      </c>
      <c r="B26" s="6" t="s">
        <v>54</v>
      </c>
      <c r="C26" s="12">
        <v>394900183.13</v>
      </c>
      <c r="D26" s="12">
        <v>493139124.66000003</v>
      </c>
      <c r="E26" s="12">
        <v>443832041.38999999</v>
      </c>
      <c r="F26" s="12">
        <v>452137770.89999998</v>
      </c>
      <c r="G26" s="12">
        <v>447131984.67000002</v>
      </c>
      <c r="H26" s="12">
        <v>462277701.12</v>
      </c>
      <c r="I26" s="12">
        <v>579599810.24000001</v>
      </c>
      <c r="J26" s="12">
        <v>652276132.84000003</v>
      </c>
      <c r="K26" s="12">
        <v>570037951.11000001</v>
      </c>
      <c r="L26" s="12">
        <v>505214919.04000002</v>
      </c>
      <c r="M26" s="12">
        <v>519825371.43000001</v>
      </c>
      <c r="N26" s="12">
        <v>509699152.02999997</v>
      </c>
      <c r="O26" s="12">
        <v>6030072142.5600004</v>
      </c>
      <c r="P26" s="12">
        <v>272639.78999999998</v>
      </c>
    </row>
    <row r="28" spans="1:16" x14ac:dyDescent="0.25">
      <c r="A28" s="11" t="s">
        <v>6</v>
      </c>
      <c r="B28" s="11" t="s">
        <v>55</v>
      </c>
      <c r="C28" s="11" t="s">
        <v>56</v>
      </c>
      <c r="D28" s="11" t="s">
        <v>57</v>
      </c>
    </row>
    <row r="29" spans="1:16" x14ac:dyDescent="0.25">
      <c r="A29" s="11" t="s">
        <v>7</v>
      </c>
      <c r="B29" s="11" t="s">
        <v>7</v>
      </c>
      <c r="C29" s="11" t="s">
        <v>7</v>
      </c>
      <c r="D29" s="11" t="s">
        <v>7</v>
      </c>
    </row>
    <row r="30" spans="1:16" x14ac:dyDescent="0.25">
      <c r="A30" s="3" t="s">
        <v>58</v>
      </c>
      <c r="B30" s="5" t="s">
        <v>59</v>
      </c>
      <c r="C30" s="13">
        <v>14679824182.620001</v>
      </c>
      <c r="D30" s="13">
        <v>0.01</v>
      </c>
    </row>
    <row r="31" spans="1:16" x14ac:dyDescent="0.25">
      <c r="A31" s="3" t="s">
        <v>60</v>
      </c>
      <c r="B31" s="5" t="s">
        <v>61</v>
      </c>
      <c r="C31" s="13">
        <v>1181597.1200000001</v>
      </c>
      <c r="D31" s="13">
        <v>0.01</v>
      </c>
    </row>
    <row r="32" spans="1:16" x14ac:dyDescent="0.25">
      <c r="A32" s="3" t="s">
        <v>62</v>
      </c>
      <c r="B32" s="5" t="s">
        <v>63</v>
      </c>
      <c r="C32" s="13">
        <v>0</v>
      </c>
      <c r="D32" s="13">
        <v>0</v>
      </c>
    </row>
    <row r="33" spans="1:11" x14ac:dyDescent="0.25">
      <c r="A33" s="4" t="s">
        <v>64</v>
      </c>
      <c r="B33" s="6" t="s">
        <v>65</v>
      </c>
      <c r="C33" s="12">
        <v>14678642585.5</v>
      </c>
      <c r="D33" s="12">
        <v>100</v>
      </c>
    </row>
    <row r="34" spans="1:11" x14ac:dyDescent="0.25">
      <c r="A34" s="3" t="s">
        <v>66</v>
      </c>
      <c r="B34" s="5" t="s">
        <v>67</v>
      </c>
      <c r="C34" s="13">
        <v>6030344782.3500004</v>
      </c>
      <c r="D34" s="13">
        <v>41.08</v>
      </c>
    </row>
    <row r="35" spans="1:11" x14ac:dyDescent="0.25">
      <c r="A35" s="3" t="s">
        <v>68</v>
      </c>
      <c r="B35" s="5" t="s">
        <v>69</v>
      </c>
      <c r="C35" s="13">
        <v>7192534866.8900003</v>
      </c>
      <c r="D35" s="13">
        <v>49</v>
      </c>
    </row>
    <row r="36" spans="1:11" x14ac:dyDescent="0.25">
      <c r="A36" s="3" t="s">
        <v>70</v>
      </c>
      <c r="B36" s="5" t="s">
        <v>71</v>
      </c>
      <c r="C36" s="13">
        <v>6832908123.5500002</v>
      </c>
      <c r="D36" s="13">
        <v>46.55</v>
      </c>
    </row>
    <row r="37" spans="1:11" x14ac:dyDescent="0.25">
      <c r="A37" s="3" t="s">
        <v>72</v>
      </c>
      <c r="B37" s="5" t="s">
        <v>73</v>
      </c>
      <c r="C37" s="13">
        <v>6473281380.1999998</v>
      </c>
      <c r="D37" s="13">
        <v>44.1</v>
      </c>
    </row>
    <row r="39" spans="1:11" x14ac:dyDescent="0.25">
      <c r="A39" s="11" t="s">
        <v>6</v>
      </c>
      <c r="B39" s="11" t="s">
        <v>74</v>
      </c>
      <c r="C39" s="11" t="s">
        <v>75</v>
      </c>
      <c r="D39" s="11" t="s">
        <v>7</v>
      </c>
      <c r="E39" s="11" t="s">
        <v>7</v>
      </c>
      <c r="F39" s="11" t="s">
        <v>79</v>
      </c>
      <c r="G39" s="11" t="s">
        <v>7</v>
      </c>
      <c r="H39" s="11" t="s">
        <v>7</v>
      </c>
      <c r="I39" s="11" t="s">
        <v>83</v>
      </c>
      <c r="J39" s="11" t="s">
        <v>7</v>
      </c>
      <c r="K39" s="11" t="s">
        <v>83</v>
      </c>
    </row>
    <row r="40" spans="1:11" ht="63" x14ac:dyDescent="0.25">
      <c r="A40" s="11" t="s">
        <v>7</v>
      </c>
      <c r="B40" s="11" t="s">
        <v>7</v>
      </c>
      <c r="C40" s="1" t="s">
        <v>76</v>
      </c>
      <c r="D40" s="1" t="s">
        <v>77</v>
      </c>
      <c r="E40" s="1" t="s">
        <v>78</v>
      </c>
      <c r="F40" s="1" t="s">
        <v>80</v>
      </c>
      <c r="G40" s="1" t="s">
        <v>81</v>
      </c>
      <c r="H40" s="1" t="s">
        <v>82</v>
      </c>
      <c r="I40" s="1" t="s">
        <v>84</v>
      </c>
      <c r="J40" s="1" t="s">
        <v>85</v>
      </c>
      <c r="K40" s="1" t="s">
        <v>86</v>
      </c>
    </row>
    <row r="41" spans="1:11" x14ac:dyDescent="0.25">
      <c r="A41" s="3" t="s">
        <v>87</v>
      </c>
      <c r="B41" s="5" t="s">
        <v>88</v>
      </c>
      <c r="C41" s="13">
        <v>0</v>
      </c>
      <c r="D41" s="13">
        <v>0</v>
      </c>
      <c r="E41" s="13">
        <v>0</v>
      </c>
      <c r="F41" s="13">
        <v>0</v>
      </c>
      <c r="G41" s="13">
        <v>0</v>
      </c>
      <c r="H41" s="13">
        <v>0</v>
      </c>
      <c r="I41" s="13">
        <v>0</v>
      </c>
      <c r="J41" s="13">
        <v>0</v>
      </c>
      <c r="K41" s="13">
        <v>0</v>
      </c>
    </row>
  </sheetData>
  <mergeCells count="19">
    <mergeCell ref="F39:H39"/>
    <mergeCell ref="I39:K39"/>
    <mergeCell ref="A28:A29"/>
    <mergeCell ref="B28:B29"/>
    <mergeCell ref="C28:C29"/>
    <mergeCell ref="D28:D29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9"/>
  <sheetViews>
    <sheetView showGridLines="0" topLeftCell="A2" workbookViewId="0">
      <selection activeCell="A7" sqref="A7:F7"/>
    </sheetView>
  </sheetViews>
  <sheetFormatPr defaultRowHeight="15" x14ac:dyDescent="0.25"/>
  <cols>
    <col min="2" max="2" width="113.7109375" bestFit="1" customWidth="1"/>
    <col min="3" max="3" width="9.28515625" bestFit="1" customWidth="1"/>
    <col min="4" max="4" width="13.140625" bestFit="1" customWidth="1"/>
    <col min="5" max="5" width="9.28515625" bestFit="1" customWidth="1"/>
    <col min="6" max="6" width="13.140625" bestFit="1" customWidth="1"/>
  </cols>
  <sheetData>
    <row r="3" spans="1:6" x14ac:dyDescent="0.25">
      <c r="A3" s="7" t="s">
        <v>0</v>
      </c>
      <c r="B3" s="8"/>
      <c r="C3" s="8"/>
      <c r="D3" s="8"/>
      <c r="E3" s="8"/>
      <c r="F3" s="8"/>
    </row>
    <row r="4" spans="1:6" x14ac:dyDescent="0.25">
      <c r="A4" s="7" t="s">
        <v>1</v>
      </c>
      <c r="B4" s="8"/>
      <c r="C4" s="8"/>
      <c r="D4" s="8"/>
      <c r="E4" s="8"/>
      <c r="F4" s="8"/>
    </row>
    <row r="5" spans="1:6" x14ac:dyDescent="0.25">
      <c r="A5" s="9" t="s">
        <v>89</v>
      </c>
      <c r="B5" s="8"/>
      <c r="C5" s="8"/>
      <c r="D5" s="8"/>
      <c r="E5" s="8"/>
      <c r="F5" s="8"/>
    </row>
    <row r="6" spans="1:6" x14ac:dyDescent="0.25">
      <c r="A6" s="7" t="s">
        <v>3</v>
      </c>
      <c r="B6" s="8"/>
      <c r="C6" s="8"/>
      <c r="D6" s="8"/>
      <c r="E6" s="8"/>
      <c r="F6" s="8"/>
    </row>
    <row r="7" spans="1:6" x14ac:dyDescent="0.25">
      <c r="A7" s="7" t="s">
        <v>4</v>
      </c>
      <c r="B7" s="8"/>
      <c r="C7" s="8"/>
      <c r="D7" s="8"/>
      <c r="E7" s="8"/>
      <c r="F7" s="8"/>
    </row>
    <row r="9" spans="1:6" x14ac:dyDescent="0.25">
      <c r="A9" s="10" t="s">
        <v>90</v>
      </c>
      <c r="B9" s="8"/>
      <c r="C9" s="8"/>
      <c r="D9" s="8"/>
      <c r="E9" s="8"/>
      <c r="F9" s="8"/>
    </row>
    <row r="10" spans="1:6" ht="37.5" customHeight="1" x14ac:dyDescent="0.25">
      <c r="A10" s="11" t="s">
        <v>6</v>
      </c>
      <c r="B10" s="11" t="s">
        <v>91</v>
      </c>
      <c r="C10" s="11" t="s">
        <v>92</v>
      </c>
      <c r="D10" s="11" t="s">
        <v>93</v>
      </c>
      <c r="E10" s="11" t="s">
        <v>7</v>
      </c>
      <c r="F10" s="11" t="s">
        <v>93</v>
      </c>
    </row>
    <row r="11" spans="1:6" ht="84" x14ac:dyDescent="0.25">
      <c r="A11" s="11" t="s">
        <v>7</v>
      </c>
      <c r="B11" s="11" t="s">
        <v>7</v>
      </c>
      <c r="C11" s="11" t="s">
        <v>7</v>
      </c>
      <c r="D11" s="1" t="s">
        <v>94</v>
      </c>
      <c r="E11" s="1" t="s">
        <v>95</v>
      </c>
      <c r="F11" s="1" t="s">
        <v>96</v>
      </c>
    </row>
    <row r="12" spans="1:6" x14ac:dyDescent="0.25">
      <c r="A12" s="4" t="s">
        <v>24</v>
      </c>
      <c r="B12" s="6" t="s">
        <v>25</v>
      </c>
      <c r="C12" s="12">
        <v>0</v>
      </c>
      <c r="D12" s="12">
        <v>411209.71</v>
      </c>
      <c r="E12" s="12">
        <v>7.48</v>
      </c>
      <c r="F12" s="12">
        <v>411217.19</v>
      </c>
    </row>
    <row r="13" spans="1:6" x14ac:dyDescent="0.25">
      <c r="A13" s="3" t="s">
        <v>26</v>
      </c>
      <c r="B13" s="5" t="s">
        <v>27</v>
      </c>
      <c r="C13" s="13">
        <v>0</v>
      </c>
      <c r="D13" s="13">
        <v>411209.71</v>
      </c>
      <c r="E13" s="13">
        <v>7.48</v>
      </c>
      <c r="F13" s="13">
        <v>411217.19</v>
      </c>
    </row>
    <row r="14" spans="1:6" x14ac:dyDescent="0.25">
      <c r="A14" s="3" t="s">
        <v>28</v>
      </c>
      <c r="B14" s="5" t="s">
        <v>97</v>
      </c>
      <c r="C14" s="13">
        <v>0</v>
      </c>
      <c r="D14" s="13">
        <v>0</v>
      </c>
      <c r="E14" s="13">
        <v>0</v>
      </c>
      <c r="F14" s="13">
        <v>0</v>
      </c>
    </row>
    <row r="15" spans="1:6" x14ac:dyDescent="0.25">
      <c r="A15" s="4" t="s">
        <v>30</v>
      </c>
      <c r="B15" s="6" t="s">
        <v>44</v>
      </c>
      <c r="C15" s="12">
        <v>0</v>
      </c>
      <c r="D15" s="12">
        <v>0</v>
      </c>
      <c r="E15" s="12">
        <v>0</v>
      </c>
      <c r="F15" s="12">
        <v>0</v>
      </c>
    </row>
    <row r="16" spans="1:6" x14ac:dyDescent="0.25">
      <c r="A16" s="3" t="s">
        <v>33</v>
      </c>
      <c r="B16" s="5" t="s">
        <v>46</v>
      </c>
      <c r="C16" s="13">
        <v>0</v>
      </c>
      <c r="D16" s="13">
        <v>0</v>
      </c>
      <c r="E16" s="13">
        <v>0</v>
      </c>
      <c r="F16" s="13">
        <v>0</v>
      </c>
    </row>
    <row r="17" spans="1:6" x14ac:dyDescent="0.25">
      <c r="A17" s="3" t="s">
        <v>35</v>
      </c>
      <c r="B17" s="5" t="s">
        <v>48</v>
      </c>
      <c r="C17" s="13">
        <v>0</v>
      </c>
      <c r="D17" s="13">
        <v>0</v>
      </c>
      <c r="E17" s="13">
        <v>0</v>
      </c>
      <c r="F17" s="13">
        <v>0</v>
      </c>
    </row>
    <row r="18" spans="1:6" x14ac:dyDescent="0.25">
      <c r="A18" s="3" t="s">
        <v>37</v>
      </c>
      <c r="B18" s="5" t="s">
        <v>50</v>
      </c>
      <c r="C18" s="13">
        <v>0</v>
      </c>
      <c r="D18" s="13">
        <v>0</v>
      </c>
      <c r="E18" s="13">
        <v>0</v>
      </c>
      <c r="F18" s="13">
        <v>0</v>
      </c>
    </row>
    <row r="19" spans="1:6" x14ac:dyDescent="0.25">
      <c r="A19" s="4" t="s">
        <v>39</v>
      </c>
      <c r="B19" s="6" t="s">
        <v>98</v>
      </c>
      <c r="C19" s="12">
        <v>0</v>
      </c>
      <c r="D19" s="12">
        <v>411209.71</v>
      </c>
      <c r="E19" s="12">
        <v>7.48</v>
      </c>
      <c r="F19" s="12">
        <v>411217.19</v>
      </c>
    </row>
  </sheetData>
  <mergeCells count="10"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9"/>
  <sheetViews>
    <sheetView showGridLines="0" workbookViewId="0"/>
  </sheetViews>
  <sheetFormatPr defaultRowHeight="15" x14ac:dyDescent="0.25"/>
  <cols>
    <col min="1" max="1" width="2.7109375" bestFit="1" customWidth="1"/>
    <col min="2" max="2" width="80.140625" bestFit="1" customWidth="1"/>
    <col min="3" max="4" width="20.140625" bestFit="1" customWidth="1"/>
    <col min="5" max="6" width="17.85546875" bestFit="1" customWidth="1"/>
  </cols>
  <sheetData>
    <row r="3" spans="1:14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</row>
    <row r="4" spans="1:14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</row>
    <row r="5" spans="1:14" x14ac:dyDescent="0.25">
      <c r="A5" s="9" t="s">
        <v>99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</row>
    <row r="6" spans="1:14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</row>
    <row r="7" spans="1:14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8"/>
    </row>
    <row r="9" spans="1:14" x14ac:dyDescent="0.25">
      <c r="A9" s="10" t="s">
        <v>100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  <c r="M9" s="8"/>
      <c r="N9" s="8"/>
    </row>
    <row r="10" spans="1:14" x14ac:dyDescent="0.25">
      <c r="A10" s="11" t="s">
        <v>6</v>
      </c>
      <c r="B10" s="11" t="s">
        <v>101</v>
      </c>
      <c r="C10" s="11" t="s">
        <v>102</v>
      </c>
      <c r="D10" s="11" t="s">
        <v>103</v>
      </c>
      <c r="E10" s="11" t="s">
        <v>7</v>
      </c>
      <c r="F10" s="11" t="s">
        <v>103</v>
      </c>
    </row>
    <row r="11" spans="1:14" ht="21" x14ac:dyDescent="0.25">
      <c r="A11" s="11" t="s">
        <v>7</v>
      </c>
      <c r="B11" s="11" t="s">
        <v>7</v>
      </c>
      <c r="C11" s="11" t="s">
        <v>7</v>
      </c>
      <c r="D11" s="1" t="s">
        <v>104</v>
      </c>
      <c r="E11" s="1" t="s">
        <v>105</v>
      </c>
      <c r="F11" s="1" t="s">
        <v>106</v>
      </c>
    </row>
    <row r="12" spans="1:14" x14ac:dyDescent="0.25">
      <c r="A12" s="4" t="s">
        <v>24</v>
      </c>
      <c r="B12" s="6" t="s">
        <v>107</v>
      </c>
      <c r="C12" s="12">
        <v>9352844933.2099991</v>
      </c>
      <c r="D12" s="12">
        <v>9094218582.8099995</v>
      </c>
      <c r="E12" s="12">
        <v>0</v>
      </c>
      <c r="F12" s="12">
        <v>0</v>
      </c>
    </row>
    <row r="13" spans="1:14" x14ac:dyDescent="0.25">
      <c r="A13" s="3" t="s">
        <v>26</v>
      </c>
      <c r="B13" s="5" t="s">
        <v>108</v>
      </c>
      <c r="C13" s="13">
        <v>0</v>
      </c>
      <c r="D13" s="13">
        <v>0</v>
      </c>
      <c r="E13" s="13">
        <v>0</v>
      </c>
      <c r="F13" s="13">
        <v>0</v>
      </c>
    </row>
    <row r="14" spans="1:14" x14ac:dyDescent="0.25">
      <c r="A14" s="4" t="s">
        <v>28</v>
      </c>
      <c r="B14" s="6" t="s">
        <v>109</v>
      </c>
      <c r="C14" s="12">
        <v>8861191887.7000008</v>
      </c>
      <c r="D14" s="12">
        <v>8731752226.0799999</v>
      </c>
      <c r="E14" s="12">
        <v>0</v>
      </c>
      <c r="F14" s="12">
        <v>0</v>
      </c>
    </row>
    <row r="15" spans="1:14" x14ac:dyDescent="0.25">
      <c r="A15" s="4" t="s">
        <v>30</v>
      </c>
      <c r="B15" s="6" t="s">
        <v>110</v>
      </c>
      <c r="C15" s="12">
        <v>2309670115.1199999</v>
      </c>
      <c r="D15" s="12">
        <v>2273061012.5</v>
      </c>
      <c r="E15" s="12">
        <v>0</v>
      </c>
      <c r="F15" s="12">
        <v>0</v>
      </c>
    </row>
    <row r="16" spans="1:14" x14ac:dyDescent="0.25">
      <c r="A16" s="3" t="s">
        <v>33</v>
      </c>
      <c r="B16" s="5" t="s">
        <v>111</v>
      </c>
      <c r="C16" s="13">
        <v>698020032.71000004</v>
      </c>
      <c r="D16" s="13">
        <v>668007294.67999995</v>
      </c>
      <c r="E16" s="13">
        <v>0</v>
      </c>
      <c r="F16" s="13">
        <v>0</v>
      </c>
    </row>
    <row r="17" spans="1:6" x14ac:dyDescent="0.25">
      <c r="A17" s="3" t="s">
        <v>35</v>
      </c>
      <c r="B17" s="5" t="s">
        <v>112</v>
      </c>
      <c r="C17" s="13">
        <v>1611650082.4100001</v>
      </c>
      <c r="D17" s="13">
        <v>1605053717.8199999</v>
      </c>
      <c r="E17" s="13">
        <v>0</v>
      </c>
      <c r="F17" s="13">
        <v>0</v>
      </c>
    </row>
    <row r="18" spans="1:6" x14ac:dyDescent="0.25">
      <c r="A18" s="3" t="s">
        <v>37</v>
      </c>
      <c r="B18" s="5" t="s">
        <v>113</v>
      </c>
      <c r="C18" s="13">
        <v>6434195671.5100002</v>
      </c>
      <c r="D18" s="13">
        <v>6349928635.5100002</v>
      </c>
      <c r="E18" s="13">
        <v>0</v>
      </c>
      <c r="F18" s="13">
        <v>0</v>
      </c>
    </row>
    <row r="19" spans="1:6" x14ac:dyDescent="0.25">
      <c r="A19" s="4" t="s">
        <v>39</v>
      </c>
      <c r="B19" s="6" t="s">
        <v>114</v>
      </c>
      <c r="C19" s="12">
        <v>30000</v>
      </c>
      <c r="D19" s="12">
        <v>0</v>
      </c>
      <c r="E19" s="12">
        <v>0</v>
      </c>
      <c r="F19" s="12">
        <v>0</v>
      </c>
    </row>
    <row r="20" spans="1:6" x14ac:dyDescent="0.25">
      <c r="A20" s="3" t="s">
        <v>41</v>
      </c>
      <c r="B20" s="5" t="s">
        <v>111</v>
      </c>
      <c r="C20" s="13">
        <v>30000</v>
      </c>
      <c r="D20" s="13">
        <v>0</v>
      </c>
      <c r="E20" s="13">
        <v>0</v>
      </c>
      <c r="F20" s="13">
        <v>0</v>
      </c>
    </row>
    <row r="21" spans="1:6" x14ac:dyDescent="0.25">
      <c r="A21" s="3" t="s">
        <v>43</v>
      </c>
      <c r="B21" s="5" t="s">
        <v>112</v>
      </c>
      <c r="C21" s="13">
        <v>0</v>
      </c>
      <c r="D21" s="13">
        <v>0</v>
      </c>
      <c r="E21" s="13">
        <v>0</v>
      </c>
      <c r="F21" s="13">
        <v>0</v>
      </c>
    </row>
    <row r="22" spans="1:6" x14ac:dyDescent="0.25">
      <c r="A22" s="4" t="s">
        <v>45</v>
      </c>
      <c r="B22" s="6" t="s">
        <v>115</v>
      </c>
      <c r="C22" s="12">
        <v>117296101.06999999</v>
      </c>
      <c r="D22" s="12">
        <v>108762578.06999999</v>
      </c>
      <c r="E22" s="12">
        <v>0</v>
      </c>
      <c r="F22" s="12">
        <v>0</v>
      </c>
    </row>
    <row r="23" spans="1:6" x14ac:dyDescent="0.25">
      <c r="A23" s="3" t="s">
        <v>47</v>
      </c>
      <c r="B23" s="5" t="s">
        <v>116</v>
      </c>
      <c r="C23" s="13">
        <v>0</v>
      </c>
      <c r="D23" s="13">
        <v>0</v>
      </c>
      <c r="E23" s="13">
        <v>0</v>
      </c>
      <c r="F23" s="13">
        <v>0</v>
      </c>
    </row>
    <row r="24" spans="1:6" x14ac:dyDescent="0.25">
      <c r="A24" s="3" t="s">
        <v>49</v>
      </c>
      <c r="B24" s="5" t="s">
        <v>117</v>
      </c>
      <c r="C24" s="13">
        <v>18634613.600000001</v>
      </c>
      <c r="D24" s="13">
        <v>15870439.869999999</v>
      </c>
      <c r="E24" s="13">
        <v>0</v>
      </c>
      <c r="F24" s="13">
        <v>0</v>
      </c>
    </row>
    <row r="25" spans="1:6" x14ac:dyDescent="0.25">
      <c r="A25" s="3" t="s">
        <v>51</v>
      </c>
      <c r="B25" s="5" t="s">
        <v>118</v>
      </c>
      <c r="C25" s="13">
        <v>98661487.469999999</v>
      </c>
      <c r="D25" s="13">
        <v>92892138.200000003</v>
      </c>
      <c r="E25" s="13">
        <v>0</v>
      </c>
      <c r="F25" s="13">
        <v>0</v>
      </c>
    </row>
    <row r="26" spans="1:6" x14ac:dyDescent="0.25">
      <c r="A26" s="3" t="s">
        <v>53</v>
      </c>
      <c r="B26" s="5" t="s">
        <v>119</v>
      </c>
      <c r="C26" s="13">
        <v>0</v>
      </c>
      <c r="D26" s="13">
        <v>0</v>
      </c>
      <c r="E26" s="13">
        <v>0</v>
      </c>
      <c r="F26" s="13">
        <v>0</v>
      </c>
    </row>
    <row r="27" spans="1:6" x14ac:dyDescent="0.25">
      <c r="A27" s="3" t="s">
        <v>58</v>
      </c>
      <c r="B27" s="5" t="s">
        <v>120</v>
      </c>
      <c r="C27" s="13">
        <v>0</v>
      </c>
      <c r="D27" s="13">
        <v>0</v>
      </c>
      <c r="E27" s="13">
        <v>0</v>
      </c>
      <c r="F27" s="13">
        <v>0</v>
      </c>
    </row>
    <row r="28" spans="1:6" x14ac:dyDescent="0.25">
      <c r="A28" s="3" t="s">
        <v>60</v>
      </c>
      <c r="B28" s="5" t="s">
        <v>121</v>
      </c>
      <c r="C28" s="13">
        <v>0</v>
      </c>
      <c r="D28" s="13">
        <v>0</v>
      </c>
      <c r="E28" s="13">
        <v>0</v>
      </c>
      <c r="F28" s="13">
        <v>0</v>
      </c>
    </row>
    <row r="29" spans="1:6" x14ac:dyDescent="0.25">
      <c r="A29" s="3" t="s">
        <v>62</v>
      </c>
      <c r="B29" s="5" t="s">
        <v>122</v>
      </c>
      <c r="C29" s="13">
        <v>491653045.50999999</v>
      </c>
      <c r="D29" s="13">
        <v>362466356.73000002</v>
      </c>
      <c r="E29" s="13">
        <v>0</v>
      </c>
      <c r="F29" s="13">
        <v>0</v>
      </c>
    </row>
    <row r="30" spans="1:6" x14ac:dyDescent="0.25">
      <c r="A30" s="3" t="s">
        <v>64</v>
      </c>
      <c r="B30" s="5" t="s">
        <v>123</v>
      </c>
      <c r="C30" s="13">
        <v>0</v>
      </c>
      <c r="D30" s="13">
        <v>0</v>
      </c>
      <c r="E30" s="13">
        <v>0</v>
      </c>
      <c r="F30" s="13">
        <v>0</v>
      </c>
    </row>
    <row r="31" spans="1:6" x14ac:dyDescent="0.25">
      <c r="A31" s="4" t="s">
        <v>66</v>
      </c>
      <c r="B31" s="6" t="s">
        <v>124</v>
      </c>
      <c r="C31" s="12">
        <v>3609284331.3299999</v>
      </c>
      <c r="D31" s="12">
        <v>4688182191.6700001</v>
      </c>
      <c r="E31" s="12">
        <v>0</v>
      </c>
      <c r="F31" s="12">
        <v>0</v>
      </c>
    </row>
    <row r="32" spans="1:6" x14ac:dyDescent="0.25">
      <c r="A32" s="3" t="s">
        <v>68</v>
      </c>
      <c r="B32" s="5" t="s">
        <v>125</v>
      </c>
      <c r="C32" s="13">
        <v>3285610223.1199999</v>
      </c>
      <c r="D32" s="13">
        <v>4355364828.7600002</v>
      </c>
      <c r="E32" s="13">
        <v>0</v>
      </c>
      <c r="F32" s="13">
        <v>0</v>
      </c>
    </row>
    <row r="33" spans="1:6" x14ac:dyDescent="0.25">
      <c r="A33" s="3" t="s">
        <v>70</v>
      </c>
      <c r="B33" s="5" t="s">
        <v>126</v>
      </c>
      <c r="C33" s="13">
        <v>3595662492.1100001</v>
      </c>
      <c r="D33" s="13">
        <v>4441797483.8900003</v>
      </c>
      <c r="E33" s="13">
        <v>0</v>
      </c>
      <c r="F33" s="13">
        <v>0</v>
      </c>
    </row>
    <row r="34" spans="1:6" x14ac:dyDescent="0.25">
      <c r="A34" s="3" t="s">
        <v>72</v>
      </c>
      <c r="B34" s="5" t="s">
        <v>127</v>
      </c>
      <c r="C34" s="13">
        <v>310052268.99000001</v>
      </c>
      <c r="D34" s="13">
        <v>86432655.129999995</v>
      </c>
      <c r="E34" s="13">
        <v>0</v>
      </c>
      <c r="F34" s="13">
        <v>0</v>
      </c>
    </row>
    <row r="35" spans="1:6" x14ac:dyDescent="0.25">
      <c r="A35" s="3" t="s">
        <v>87</v>
      </c>
      <c r="B35" s="5" t="s">
        <v>128</v>
      </c>
      <c r="C35" s="13">
        <v>323674108.20999998</v>
      </c>
      <c r="D35" s="13">
        <v>332817362.91000003</v>
      </c>
      <c r="E35" s="13">
        <v>0</v>
      </c>
      <c r="F35" s="13">
        <v>0</v>
      </c>
    </row>
    <row r="36" spans="1:6" x14ac:dyDescent="0.25">
      <c r="A36" s="4" t="s">
        <v>129</v>
      </c>
      <c r="B36" s="6" t="s">
        <v>130</v>
      </c>
      <c r="C36" s="12">
        <v>5743560601.8800001</v>
      </c>
      <c r="D36" s="12">
        <v>4406036391.1400003</v>
      </c>
      <c r="E36" s="12">
        <v>0</v>
      </c>
      <c r="F36" s="12">
        <v>0</v>
      </c>
    </row>
    <row r="37" spans="1:6" x14ac:dyDescent="0.25">
      <c r="A37" s="3" t="s">
        <v>131</v>
      </c>
      <c r="B37" s="5" t="s">
        <v>59</v>
      </c>
      <c r="C37" s="13">
        <v>14070824317.809999</v>
      </c>
      <c r="D37" s="13">
        <v>14679824182.620001</v>
      </c>
      <c r="E37" s="13">
        <v>0</v>
      </c>
      <c r="F37" s="13">
        <v>0</v>
      </c>
    </row>
    <row r="38" spans="1:6" x14ac:dyDescent="0.25">
      <c r="A38" s="3" t="s">
        <v>132</v>
      </c>
      <c r="B38" s="5" t="s">
        <v>133</v>
      </c>
      <c r="C38" s="13">
        <v>1181597.1200000001</v>
      </c>
      <c r="D38" s="13">
        <v>1181597.1200000001</v>
      </c>
      <c r="E38" s="13">
        <v>0</v>
      </c>
      <c r="F38" s="13">
        <v>0</v>
      </c>
    </row>
    <row r="39" spans="1:6" x14ac:dyDescent="0.25">
      <c r="A39" s="4" t="s">
        <v>134</v>
      </c>
      <c r="B39" s="6" t="s">
        <v>135</v>
      </c>
      <c r="C39" s="12">
        <v>14069642720.690001</v>
      </c>
      <c r="D39" s="12">
        <v>14678642585.5</v>
      </c>
      <c r="E39" s="12">
        <v>0</v>
      </c>
      <c r="F39" s="12">
        <v>0</v>
      </c>
    </row>
    <row r="40" spans="1:6" x14ac:dyDescent="0.25">
      <c r="A40" s="3" t="s">
        <v>136</v>
      </c>
      <c r="B40" s="5" t="s">
        <v>137</v>
      </c>
      <c r="C40" s="13">
        <v>66.48</v>
      </c>
      <c r="D40" s="13">
        <v>61.96</v>
      </c>
      <c r="E40" s="13">
        <v>0</v>
      </c>
      <c r="F40" s="13">
        <v>0</v>
      </c>
    </row>
    <row r="41" spans="1:6" x14ac:dyDescent="0.25">
      <c r="A41" s="3" t="s">
        <v>138</v>
      </c>
      <c r="B41" s="5" t="s">
        <v>139</v>
      </c>
      <c r="C41" s="13">
        <v>40.82</v>
      </c>
      <c r="D41" s="13">
        <v>30.02</v>
      </c>
      <c r="E41" s="13">
        <v>0</v>
      </c>
      <c r="F41" s="13">
        <v>0</v>
      </c>
    </row>
    <row r="42" spans="1:6" x14ac:dyDescent="0.25">
      <c r="A42" s="3" t="s">
        <v>140</v>
      </c>
      <c r="B42" s="5" t="s">
        <v>141</v>
      </c>
      <c r="C42" s="13">
        <v>28141648635.619999</v>
      </c>
      <c r="D42" s="13">
        <v>29359648365.240002</v>
      </c>
      <c r="E42" s="13">
        <v>0</v>
      </c>
      <c r="F42" s="13">
        <v>0</v>
      </c>
    </row>
    <row r="43" spans="1:6" x14ac:dyDescent="0.25">
      <c r="A43" s="3" t="s">
        <v>142</v>
      </c>
      <c r="B43" s="5" t="s">
        <v>143</v>
      </c>
      <c r="C43" s="13">
        <v>25327483772.060001</v>
      </c>
      <c r="D43" s="13">
        <v>26423683528.720001</v>
      </c>
      <c r="E43" s="13">
        <v>0</v>
      </c>
      <c r="F43" s="13">
        <v>0</v>
      </c>
    </row>
    <row r="45" spans="1:6" x14ac:dyDescent="0.25">
      <c r="A45" s="11" t="s">
        <v>6</v>
      </c>
      <c r="B45" s="11" t="s">
        <v>144</v>
      </c>
      <c r="C45" s="11" t="s">
        <v>102</v>
      </c>
      <c r="D45" s="11" t="s">
        <v>103</v>
      </c>
      <c r="E45" s="11" t="s">
        <v>7</v>
      </c>
      <c r="F45" s="11" t="s">
        <v>103</v>
      </c>
    </row>
    <row r="46" spans="1:6" ht="21" x14ac:dyDescent="0.25">
      <c r="A46" s="11" t="s">
        <v>7</v>
      </c>
      <c r="B46" s="11" t="s">
        <v>7</v>
      </c>
      <c r="C46" s="11" t="s">
        <v>7</v>
      </c>
      <c r="D46" s="1" t="s">
        <v>104</v>
      </c>
      <c r="E46" s="1" t="s">
        <v>105</v>
      </c>
      <c r="F46" s="1" t="s">
        <v>106</v>
      </c>
    </row>
    <row r="47" spans="1:6" x14ac:dyDescent="0.25">
      <c r="A47" s="3" t="s">
        <v>145</v>
      </c>
      <c r="B47" s="5" t="s">
        <v>146</v>
      </c>
      <c r="C47" s="13">
        <v>0</v>
      </c>
      <c r="D47" s="13">
        <v>0</v>
      </c>
      <c r="E47" s="13">
        <v>0</v>
      </c>
      <c r="F47" s="13">
        <v>0</v>
      </c>
    </row>
    <row r="48" spans="1:6" x14ac:dyDescent="0.25">
      <c r="A48" s="3" t="s">
        <v>147</v>
      </c>
      <c r="B48" s="5" t="s">
        <v>148</v>
      </c>
      <c r="C48" s="13">
        <v>0</v>
      </c>
      <c r="D48" s="13">
        <v>0</v>
      </c>
      <c r="E48" s="13">
        <v>0</v>
      </c>
      <c r="F48" s="13">
        <v>0</v>
      </c>
    </row>
    <row r="49" spans="1:14" x14ac:dyDescent="0.25">
      <c r="A49" s="3" t="s">
        <v>149</v>
      </c>
      <c r="B49" s="5" t="s">
        <v>150</v>
      </c>
      <c r="C49" s="13">
        <v>9069066489.3199997</v>
      </c>
      <c r="D49" s="13">
        <v>9069066489.3199997</v>
      </c>
      <c r="E49" s="13">
        <v>0</v>
      </c>
      <c r="F49" s="13">
        <v>0</v>
      </c>
    </row>
    <row r="50" spans="1:14" x14ac:dyDescent="0.25">
      <c r="A50" s="3" t="s">
        <v>151</v>
      </c>
      <c r="B50" s="5" t="s">
        <v>152</v>
      </c>
      <c r="C50" s="13">
        <v>0</v>
      </c>
      <c r="D50" s="13">
        <v>0</v>
      </c>
      <c r="E50" s="13">
        <v>0</v>
      </c>
      <c r="F50" s="13">
        <v>0</v>
      </c>
    </row>
    <row r="51" spans="1:14" x14ac:dyDescent="0.25">
      <c r="A51" s="3" t="s">
        <v>153</v>
      </c>
      <c r="B51" s="5" t="s">
        <v>154</v>
      </c>
      <c r="C51" s="13">
        <v>149027277.94999999</v>
      </c>
      <c r="D51" s="13">
        <v>156598346.09999999</v>
      </c>
      <c r="E51" s="13">
        <v>0</v>
      </c>
      <c r="F51" s="13">
        <v>0</v>
      </c>
    </row>
    <row r="52" spans="1:14" x14ac:dyDescent="0.25">
      <c r="A52" s="3" t="s">
        <v>155</v>
      </c>
      <c r="B52" s="5" t="s">
        <v>156</v>
      </c>
      <c r="C52" s="13">
        <v>345036350.76999998</v>
      </c>
      <c r="D52" s="13">
        <v>176210543.31</v>
      </c>
      <c r="E52" s="13">
        <v>0</v>
      </c>
      <c r="F52" s="13">
        <v>0</v>
      </c>
    </row>
    <row r="53" spans="1:14" x14ac:dyDescent="0.25">
      <c r="A53" s="3" t="s">
        <v>157</v>
      </c>
      <c r="B53" s="5" t="s">
        <v>158</v>
      </c>
      <c r="C53" s="13">
        <v>0</v>
      </c>
      <c r="D53" s="13">
        <v>0</v>
      </c>
      <c r="E53" s="13">
        <v>0</v>
      </c>
      <c r="F53" s="13">
        <v>0</v>
      </c>
    </row>
    <row r="54" spans="1:14" x14ac:dyDescent="0.25">
      <c r="A54" s="3" t="s">
        <v>159</v>
      </c>
      <c r="B54" s="5" t="s">
        <v>160</v>
      </c>
      <c r="C54" s="13">
        <v>0</v>
      </c>
      <c r="D54" s="13">
        <v>0</v>
      </c>
      <c r="E54" s="13">
        <v>0</v>
      </c>
      <c r="F54" s="13">
        <v>0</v>
      </c>
    </row>
    <row r="55" spans="1:14" x14ac:dyDescent="0.25">
      <c r="A55" s="3" t="s">
        <v>161</v>
      </c>
      <c r="B55" s="5" t="s">
        <v>162</v>
      </c>
      <c r="C55" s="13">
        <v>2728786.97</v>
      </c>
      <c r="D55" s="13">
        <v>70815.38</v>
      </c>
      <c r="E55" s="13">
        <v>0</v>
      </c>
      <c r="F55" s="13">
        <v>0</v>
      </c>
    </row>
    <row r="57" spans="1:14" x14ac:dyDescent="0.25">
      <c r="A57" s="11" t="s">
        <v>6</v>
      </c>
      <c r="B57" s="11" t="s">
        <v>163</v>
      </c>
      <c r="C57" s="11" t="s">
        <v>164</v>
      </c>
      <c r="D57" s="11" t="s">
        <v>7</v>
      </c>
      <c r="E57" s="11" t="s">
        <v>7</v>
      </c>
      <c r="F57" s="11" t="s">
        <v>79</v>
      </c>
      <c r="G57" s="11" t="s">
        <v>7</v>
      </c>
      <c r="H57" s="11" t="s">
        <v>7</v>
      </c>
      <c r="I57" s="11" t="s">
        <v>83</v>
      </c>
      <c r="J57" s="11" t="s">
        <v>7</v>
      </c>
      <c r="K57" s="11" t="s">
        <v>7</v>
      </c>
      <c r="L57" s="11" t="s">
        <v>171</v>
      </c>
      <c r="M57" s="11" t="s">
        <v>7</v>
      </c>
      <c r="N57" s="11" t="s">
        <v>171</v>
      </c>
    </row>
    <row r="58" spans="1:14" ht="42" x14ac:dyDescent="0.25">
      <c r="A58" s="11" t="s">
        <v>7</v>
      </c>
      <c r="B58" s="11" t="s">
        <v>7</v>
      </c>
      <c r="C58" s="1" t="s">
        <v>76</v>
      </c>
      <c r="D58" s="1" t="s">
        <v>165</v>
      </c>
      <c r="E58" s="1" t="s">
        <v>78</v>
      </c>
      <c r="F58" s="1" t="s">
        <v>166</v>
      </c>
      <c r="G58" s="1" t="s">
        <v>81</v>
      </c>
      <c r="H58" s="1" t="s">
        <v>167</v>
      </c>
      <c r="I58" s="1" t="s">
        <v>168</v>
      </c>
      <c r="J58" s="1" t="s">
        <v>169</v>
      </c>
      <c r="K58" s="1" t="s">
        <v>170</v>
      </c>
      <c r="L58" s="1" t="s">
        <v>172</v>
      </c>
      <c r="M58" s="1" t="s">
        <v>173</v>
      </c>
      <c r="N58" s="1" t="s">
        <v>174</v>
      </c>
    </row>
    <row r="59" spans="1:14" x14ac:dyDescent="0.25">
      <c r="A59" s="3" t="s">
        <v>175</v>
      </c>
      <c r="B59" s="5" t="s">
        <v>176</v>
      </c>
      <c r="C59" s="13">
        <v>0</v>
      </c>
      <c r="D59" s="13">
        <v>0</v>
      </c>
      <c r="E59" s="13">
        <v>0</v>
      </c>
      <c r="F59" s="13">
        <v>0</v>
      </c>
      <c r="G59" s="13">
        <v>0</v>
      </c>
      <c r="H59" s="13">
        <v>0</v>
      </c>
      <c r="I59" s="13">
        <v>0</v>
      </c>
      <c r="J59" s="13">
        <v>0</v>
      </c>
      <c r="K59" s="13">
        <v>0</v>
      </c>
      <c r="L59" s="13">
        <v>0</v>
      </c>
      <c r="M59" s="13">
        <v>0</v>
      </c>
      <c r="N59" s="13">
        <v>0</v>
      </c>
    </row>
  </sheetData>
  <mergeCells count="20">
    <mergeCell ref="I57:K57"/>
    <mergeCell ref="L57:N57"/>
    <mergeCell ref="A45:A46"/>
    <mergeCell ref="B45:B46"/>
    <mergeCell ref="C45:C46"/>
    <mergeCell ref="D45:F45"/>
    <mergeCell ref="A57:A58"/>
    <mergeCell ref="B57:B58"/>
    <mergeCell ref="C57:E57"/>
    <mergeCell ref="F57:H57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6"/>
  <sheetViews>
    <sheetView showGridLines="0" workbookViewId="0"/>
  </sheetViews>
  <sheetFormatPr defaultRowHeight="15" x14ac:dyDescent="0.25"/>
  <cols>
    <col min="1" max="1" width="2.7109375" bestFit="1" customWidth="1"/>
    <col min="2" max="2" width="80.42578125" bestFit="1" customWidth="1"/>
    <col min="3" max="4" width="20.140625" bestFit="1" customWidth="1"/>
    <col min="5" max="6" width="17.85546875" bestFit="1" customWidth="1"/>
  </cols>
  <sheetData>
    <row r="3" spans="1:6" x14ac:dyDescent="0.25">
      <c r="A3" s="7" t="s">
        <v>0</v>
      </c>
      <c r="B3" s="8"/>
      <c r="C3" s="8"/>
      <c r="D3" s="8"/>
      <c r="E3" s="8"/>
      <c r="F3" s="8"/>
    </row>
    <row r="4" spans="1:6" x14ac:dyDescent="0.25">
      <c r="A4" s="7" t="s">
        <v>1</v>
      </c>
      <c r="B4" s="8"/>
      <c r="C4" s="8"/>
      <c r="D4" s="8"/>
      <c r="E4" s="8"/>
      <c r="F4" s="8"/>
    </row>
    <row r="5" spans="1:6" x14ac:dyDescent="0.25">
      <c r="A5" s="9" t="s">
        <v>177</v>
      </c>
      <c r="B5" s="8"/>
      <c r="C5" s="8"/>
      <c r="D5" s="8"/>
      <c r="E5" s="8"/>
      <c r="F5" s="8"/>
    </row>
    <row r="6" spans="1:6" x14ac:dyDescent="0.25">
      <c r="A6" s="7" t="s">
        <v>3</v>
      </c>
      <c r="B6" s="8"/>
      <c r="C6" s="8"/>
      <c r="D6" s="8"/>
      <c r="E6" s="8"/>
      <c r="F6" s="8"/>
    </row>
    <row r="7" spans="1:6" x14ac:dyDescent="0.25">
      <c r="A7" s="7" t="s">
        <v>4</v>
      </c>
      <c r="B7" s="8"/>
      <c r="C7" s="8"/>
      <c r="D7" s="8"/>
      <c r="E7" s="8"/>
      <c r="F7" s="8"/>
    </row>
    <row r="9" spans="1:6" x14ac:dyDescent="0.25">
      <c r="A9" s="10" t="s">
        <v>178</v>
      </c>
      <c r="B9" s="8"/>
      <c r="C9" s="8"/>
      <c r="D9" s="8"/>
      <c r="E9" s="8"/>
      <c r="F9" s="8"/>
    </row>
    <row r="10" spans="1:6" x14ac:dyDescent="0.25">
      <c r="A10" s="11" t="s">
        <v>6</v>
      </c>
      <c r="B10" s="11" t="s">
        <v>179</v>
      </c>
      <c r="C10" s="11" t="s">
        <v>102</v>
      </c>
      <c r="D10" s="11" t="s">
        <v>103</v>
      </c>
      <c r="E10" s="11" t="s">
        <v>7</v>
      </c>
      <c r="F10" s="11" t="s">
        <v>103</v>
      </c>
    </row>
    <row r="11" spans="1:6" ht="21" x14ac:dyDescent="0.25">
      <c r="A11" s="11" t="s">
        <v>7</v>
      </c>
      <c r="B11" s="11" t="s">
        <v>7</v>
      </c>
      <c r="C11" s="11" t="s">
        <v>7</v>
      </c>
      <c r="D11" s="1" t="s">
        <v>104</v>
      </c>
      <c r="E11" s="1" t="s">
        <v>105</v>
      </c>
      <c r="F11" s="1" t="s">
        <v>106</v>
      </c>
    </row>
    <row r="12" spans="1:6" x14ac:dyDescent="0.25">
      <c r="A12" s="4" t="s">
        <v>24</v>
      </c>
      <c r="B12" s="6" t="s">
        <v>180</v>
      </c>
      <c r="C12" s="12">
        <v>0</v>
      </c>
      <c r="D12" s="12">
        <v>0</v>
      </c>
      <c r="E12" s="12">
        <v>0</v>
      </c>
      <c r="F12" s="12">
        <v>0</v>
      </c>
    </row>
    <row r="13" spans="1:6" x14ac:dyDescent="0.25">
      <c r="A13" s="3" t="s">
        <v>26</v>
      </c>
      <c r="B13" s="5" t="s">
        <v>181</v>
      </c>
      <c r="C13" s="13">
        <v>0</v>
      </c>
      <c r="D13" s="13">
        <v>0</v>
      </c>
      <c r="E13" s="13">
        <v>0</v>
      </c>
      <c r="F13" s="13">
        <v>0</v>
      </c>
    </row>
    <row r="14" spans="1:6" x14ac:dyDescent="0.25">
      <c r="A14" s="3" t="s">
        <v>28</v>
      </c>
      <c r="B14" s="5" t="s">
        <v>182</v>
      </c>
      <c r="C14" s="13">
        <v>0</v>
      </c>
      <c r="D14" s="13">
        <v>0</v>
      </c>
      <c r="E14" s="13">
        <v>0</v>
      </c>
      <c r="F14" s="13">
        <v>0</v>
      </c>
    </row>
    <row r="15" spans="1:6" x14ac:dyDescent="0.25">
      <c r="A15" s="4" t="s">
        <v>30</v>
      </c>
      <c r="B15" s="6" t="s">
        <v>183</v>
      </c>
      <c r="C15" s="12">
        <v>0</v>
      </c>
      <c r="D15" s="12">
        <v>0</v>
      </c>
      <c r="E15" s="12">
        <v>0</v>
      </c>
      <c r="F15" s="12">
        <v>0</v>
      </c>
    </row>
    <row r="16" spans="1:6" x14ac:dyDescent="0.25">
      <c r="A16" s="3" t="s">
        <v>33</v>
      </c>
      <c r="B16" s="5" t="s">
        <v>184</v>
      </c>
      <c r="C16" s="13">
        <v>0</v>
      </c>
      <c r="D16" s="13">
        <v>0</v>
      </c>
      <c r="E16" s="13">
        <v>0</v>
      </c>
      <c r="F16" s="13">
        <v>0</v>
      </c>
    </row>
    <row r="17" spans="1:6" x14ac:dyDescent="0.25">
      <c r="A17" s="3" t="s">
        <v>35</v>
      </c>
      <c r="B17" s="5" t="s">
        <v>182</v>
      </c>
      <c r="C17" s="13">
        <v>0</v>
      </c>
      <c r="D17" s="13">
        <v>0</v>
      </c>
      <c r="E17" s="13">
        <v>0</v>
      </c>
      <c r="F17" s="13">
        <v>0</v>
      </c>
    </row>
    <row r="18" spans="1:6" x14ac:dyDescent="0.25">
      <c r="A18" s="4" t="s">
        <v>37</v>
      </c>
      <c r="B18" s="6" t="s">
        <v>185</v>
      </c>
      <c r="C18" s="12">
        <v>0</v>
      </c>
      <c r="D18" s="12">
        <v>0</v>
      </c>
      <c r="E18" s="12">
        <v>0</v>
      </c>
      <c r="F18" s="12">
        <v>0</v>
      </c>
    </row>
    <row r="19" spans="1:6" x14ac:dyDescent="0.25">
      <c r="A19" s="3" t="s">
        <v>39</v>
      </c>
      <c r="B19" s="5" t="s">
        <v>181</v>
      </c>
      <c r="C19" s="13">
        <v>0</v>
      </c>
      <c r="D19" s="13">
        <v>0</v>
      </c>
      <c r="E19" s="13">
        <v>0</v>
      </c>
      <c r="F19" s="13">
        <v>0</v>
      </c>
    </row>
    <row r="20" spans="1:6" x14ac:dyDescent="0.25">
      <c r="A20" s="3" t="s">
        <v>41</v>
      </c>
      <c r="B20" s="5" t="s">
        <v>182</v>
      </c>
      <c r="C20" s="13">
        <v>0</v>
      </c>
      <c r="D20" s="13">
        <v>0</v>
      </c>
      <c r="E20" s="13">
        <v>0</v>
      </c>
      <c r="F20" s="13">
        <v>0</v>
      </c>
    </row>
    <row r="21" spans="1:6" x14ac:dyDescent="0.25">
      <c r="A21" s="3" t="s">
        <v>43</v>
      </c>
      <c r="B21" s="5" t="s">
        <v>186</v>
      </c>
      <c r="C21" s="13">
        <v>0</v>
      </c>
      <c r="D21" s="13">
        <v>0</v>
      </c>
      <c r="E21" s="13">
        <v>0</v>
      </c>
      <c r="F21" s="13">
        <v>0</v>
      </c>
    </row>
    <row r="22" spans="1:6" x14ac:dyDescent="0.25">
      <c r="A22" s="4" t="s">
        <v>45</v>
      </c>
      <c r="B22" s="6" t="s">
        <v>187</v>
      </c>
      <c r="C22" s="12">
        <v>0</v>
      </c>
      <c r="D22" s="12">
        <v>0</v>
      </c>
      <c r="E22" s="12">
        <v>0</v>
      </c>
      <c r="F22" s="12">
        <v>0</v>
      </c>
    </row>
    <row r="23" spans="1:6" x14ac:dyDescent="0.25">
      <c r="A23" s="3" t="s">
        <v>47</v>
      </c>
      <c r="B23" s="5" t="s">
        <v>188</v>
      </c>
      <c r="C23" s="13">
        <v>14070824317.809999</v>
      </c>
      <c r="D23" s="13">
        <v>14679824182.620001</v>
      </c>
      <c r="E23" s="13">
        <v>0</v>
      </c>
      <c r="F23" s="13">
        <v>0</v>
      </c>
    </row>
    <row r="24" spans="1:6" x14ac:dyDescent="0.25">
      <c r="A24" s="3" t="s">
        <v>49</v>
      </c>
      <c r="B24" s="5" t="s">
        <v>189</v>
      </c>
      <c r="C24" s="13">
        <v>1181597.1200000001</v>
      </c>
      <c r="D24" s="13">
        <v>1181597.1200000001</v>
      </c>
      <c r="E24" s="13">
        <v>0</v>
      </c>
      <c r="F24" s="13">
        <v>0</v>
      </c>
    </row>
    <row r="25" spans="1:6" x14ac:dyDescent="0.25">
      <c r="A25" s="4" t="s">
        <v>51</v>
      </c>
      <c r="B25" s="6" t="s">
        <v>190</v>
      </c>
      <c r="C25" s="12">
        <v>14069642720.690001</v>
      </c>
      <c r="D25" s="12">
        <v>14678642585.5</v>
      </c>
      <c r="E25" s="12">
        <v>0</v>
      </c>
      <c r="F25" s="12">
        <v>0</v>
      </c>
    </row>
    <row r="26" spans="1:6" x14ac:dyDescent="0.25">
      <c r="A26" s="3" t="s">
        <v>53</v>
      </c>
      <c r="B26" s="5" t="s">
        <v>191</v>
      </c>
      <c r="C26" s="13">
        <v>0</v>
      </c>
      <c r="D26" s="13">
        <v>0</v>
      </c>
      <c r="E26" s="13">
        <v>0</v>
      </c>
      <c r="F26" s="13">
        <v>0</v>
      </c>
    </row>
    <row r="27" spans="1:6" x14ac:dyDescent="0.25">
      <c r="A27" s="3" t="s">
        <v>58</v>
      </c>
      <c r="B27" s="5" t="s">
        <v>192</v>
      </c>
      <c r="C27" s="13">
        <v>3095321398.5500002</v>
      </c>
      <c r="D27" s="13">
        <v>3229301368.8099999</v>
      </c>
      <c r="E27" s="13">
        <v>0</v>
      </c>
      <c r="F27" s="13">
        <v>0</v>
      </c>
    </row>
    <row r="28" spans="1:6" x14ac:dyDescent="0.25">
      <c r="A28" s="3" t="s">
        <v>60</v>
      </c>
      <c r="B28" s="5" t="s">
        <v>193</v>
      </c>
      <c r="C28" s="13">
        <v>2785789258.6999998</v>
      </c>
      <c r="D28" s="13">
        <v>2906371231.9299998</v>
      </c>
      <c r="E28" s="13">
        <v>0</v>
      </c>
      <c r="F28" s="13">
        <v>0</v>
      </c>
    </row>
    <row r="30" spans="1:6" x14ac:dyDescent="0.25">
      <c r="A30" s="11" t="s">
        <v>6</v>
      </c>
      <c r="B30" s="11" t="s">
        <v>194</v>
      </c>
      <c r="C30" s="11" t="s">
        <v>102</v>
      </c>
      <c r="D30" s="11" t="s">
        <v>103</v>
      </c>
      <c r="E30" s="11" t="s">
        <v>7</v>
      </c>
      <c r="F30" s="11" t="s">
        <v>103</v>
      </c>
    </row>
    <row r="31" spans="1:6" ht="21" x14ac:dyDescent="0.25">
      <c r="A31" s="11" t="s">
        <v>7</v>
      </c>
      <c r="B31" s="11" t="s">
        <v>7</v>
      </c>
      <c r="C31" s="11" t="s">
        <v>7</v>
      </c>
      <c r="D31" s="1" t="s">
        <v>104</v>
      </c>
      <c r="E31" s="1" t="s">
        <v>105</v>
      </c>
      <c r="F31" s="1" t="s">
        <v>106</v>
      </c>
    </row>
    <row r="32" spans="1:6" x14ac:dyDescent="0.25">
      <c r="A32" s="4" t="s">
        <v>62</v>
      </c>
      <c r="B32" s="6" t="s">
        <v>195</v>
      </c>
      <c r="C32" s="12">
        <v>0</v>
      </c>
      <c r="D32" s="12">
        <v>0</v>
      </c>
      <c r="E32" s="12">
        <v>0</v>
      </c>
      <c r="F32" s="12">
        <v>0</v>
      </c>
    </row>
    <row r="33" spans="1:6" x14ac:dyDescent="0.25">
      <c r="A33" s="3" t="s">
        <v>64</v>
      </c>
      <c r="B33" s="5" t="s">
        <v>196</v>
      </c>
      <c r="C33" s="13">
        <v>0</v>
      </c>
      <c r="D33" s="13">
        <v>0</v>
      </c>
      <c r="E33" s="13">
        <v>0</v>
      </c>
      <c r="F33" s="13">
        <v>0</v>
      </c>
    </row>
    <row r="34" spans="1:6" x14ac:dyDescent="0.25">
      <c r="A34" s="3" t="s">
        <v>66</v>
      </c>
      <c r="B34" s="5" t="s">
        <v>197</v>
      </c>
      <c r="C34" s="13">
        <v>0</v>
      </c>
      <c r="D34" s="13">
        <v>0</v>
      </c>
      <c r="E34" s="13">
        <v>0</v>
      </c>
      <c r="F34" s="13">
        <v>0</v>
      </c>
    </row>
    <row r="35" spans="1:6" x14ac:dyDescent="0.25">
      <c r="A35" s="4" t="s">
        <v>68</v>
      </c>
      <c r="B35" s="6" t="s">
        <v>198</v>
      </c>
      <c r="C35" s="12">
        <v>0</v>
      </c>
      <c r="D35" s="12">
        <v>0</v>
      </c>
      <c r="E35" s="12">
        <v>0</v>
      </c>
      <c r="F35" s="12">
        <v>0</v>
      </c>
    </row>
    <row r="36" spans="1:6" x14ac:dyDescent="0.25">
      <c r="A36" s="3" t="s">
        <v>70</v>
      </c>
      <c r="B36" s="5" t="s">
        <v>196</v>
      </c>
      <c r="C36" s="13">
        <v>0</v>
      </c>
      <c r="D36" s="13">
        <v>0</v>
      </c>
      <c r="E36" s="13">
        <v>0</v>
      </c>
      <c r="F36" s="13">
        <v>0</v>
      </c>
    </row>
    <row r="37" spans="1:6" x14ac:dyDescent="0.25">
      <c r="A37" s="3" t="s">
        <v>72</v>
      </c>
      <c r="B37" s="5" t="s">
        <v>199</v>
      </c>
      <c r="C37" s="13">
        <v>0</v>
      </c>
      <c r="D37" s="13">
        <v>0</v>
      </c>
      <c r="E37" s="13">
        <v>0</v>
      </c>
      <c r="F37" s="13">
        <v>0</v>
      </c>
    </row>
    <row r="38" spans="1:6" x14ac:dyDescent="0.25">
      <c r="A38" s="4" t="s">
        <v>87</v>
      </c>
      <c r="B38" s="6" t="s">
        <v>200</v>
      </c>
      <c r="C38" s="12">
        <v>0</v>
      </c>
      <c r="D38" s="12">
        <v>0</v>
      </c>
      <c r="E38" s="12">
        <v>0</v>
      </c>
      <c r="F38" s="12">
        <v>0</v>
      </c>
    </row>
    <row r="39" spans="1:6" x14ac:dyDescent="0.25">
      <c r="A39" s="3" t="s">
        <v>129</v>
      </c>
      <c r="B39" s="5" t="s">
        <v>196</v>
      </c>
      <c r="C39" s="13">
        <v>0</v>
      </c>
      <c r="D39" s="13">
        <v>0</v>
      </c>
      <c r="E39" s="13">
        <v>0</v>
      </c>
      <c r="F39" s="13">
        <v>0</v>
      </c>
    </row>
    <row r="40" spans="1:6" x14ac:dyDescent="0.25">
      <c r="A40" s="3" t="s">
        <v>131</v>
      </c>
      <c r="B40" s="5" t="s">
        <v>199</v>
      </c>
      <c r="C40" s="13">
        <v>0</v>
      </c>
      <c r="D40" s="13">
        <v>0</v>
      </c>
      <c r="E40" s="13">
        <v>0</v>
      </c>
      <c r="F40" s="13">
        <v>0</v>
      </c>
    </row>
    <row r="41" spans="1:6" x14ac:dyDescent="0.25">
      <c r="A41" s="3" t="s">
        <v>132</v>
      </c>
      <c r="B41" s="5" t="s">
        <v>201</v>
      </c>
      <c r="C41" s="13">
        <v>0</v>
      </c>
      <c r="D41" s="13">
        <v>0</v>
      </c>
      <c r="E41" s="13">
        <v>0</v>
      </c>
      <c r="F41" s="13">
        <v>0</v>
      </c>
    </row>
    <row r="42" spans="1:6" x14ac:dyDescent="0.25">
      <c r="A42" s="4" t="s">
        <v>134</v>
      </c>
      <c r="B42" s="6" t="s">
        <v>202</v>
      </c>
      <c r="C42" s="12">
        <v>0</v>
      </c>
      <c r="D42" s="12">
        <v>0</v>
      </c>
      <c r="E42" s="12">
        <v>0</v>
      </c>
      <c r="F42" s="12">
        <v>0</v>
      </c>
    </row>
    <row r="44" spans="1:6" x14ac:dyDescent="0.25">
      <c r="A44" s="11" t="s">
        <v>6</v>
      </c>
      <c r="B44" s="11" t="s">
        <v>203</v>
      </c>
      <c r="C44" s="11" t="s">
        <v>204</v>
      </c>
    </row>
    <row r="45" spans="1:6" x14ac:dyDescent="0.25">
      <c r="A45" s="11" t="s">
        <v>7</v>
      </c>
      <c r="B45" s="11" t="s">
        <v>7</v>
      </c>
      <c r="C45" s="11" t="s">
        <v>7</v>
      </c>
    </row>
    <row r="46" spans="1:6" x14ac:dyDescent="0.25">
      <c r="A46" s="3" t="s">
        <v>136</v>
      </c>
      <c r="B46" s="5" t="s">
        <v>203</v>
      </c>
      <c r="C46" s="13">
        <v>0</v>
      </c>
    </row>
  </sheetData>
  <mergeCells count="17">
    <mergeCell ref="A30:A31"/>
    <mergeCell ref="B30:B31"/>
    <mergeCell ref="C30:C31"/>
    <mergeCell ref="D30:F30"/>
    <mergeCell ref="A44:A45"/>
    <mergeCell ref="B44:B45"/>
    <mergeCell ref="C44:C45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8"/>
  <sheetViews>
    <sheetView showGridLines="0" workbookViewId="0"/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7" t="s">
        <v>0</v>
      </c>
      <c r="B3" s="8"/>
      <c r="C3" s="8"/>
      <c r="D3" s="8"/>
    </row>
    <row r="4" spans="1:4" x14ac:dyDescent="0.25">
      <c r="A4" s="7" t="s">
        <v>1</v>
      </c>
      <c r="B4" s="8"/>
      <c r="C4" s="8"/>
      <c r="D4" s="8"/>
    </row>
    <row r="5" spans="1:4" x14ac:dyDescent="0.25">
      <c r="A5" s="9" t="s">
        <v>205</v>
      </c>
      <c r="B5" s="8"/>
      <c r="C5" s="8"/>
      <c r="D5" s="8"/>
    </row>
    <row r="6" spans="1:4" x14ac:dyDescent="0.25">
      <c r="A6" s="7" t="s">
        <v>3</v>
      </c>
      <c r="B6" s="8"/>
      <c r="C6" s="8"/>
      <c r="D6" s="8"/>
    </row>
    <row r="7" spans="1:4" x14ac:dyDescent="0.25">
      <c r="A7" s="7" t="s">
        <v>4</v>
      </c>
      <c r="B7" s="8"/>
      <c r="C7" s="8"/>
      <c r="D7" s="8"/>
    </row>
    <row r="9" spans="1:4" x14ac:dyDescent="0.25">
      <c r="A9" s="10" t="s">
        <v>206</v>
      </c>
      <c r="B9" s="8"/>
      <c r="C9" s="8"/>
      <c r="D9" s="8"/>
    </row>
    <row r="10" spans="1:4" x14ac:dyDescent="0.25">
      <c r="A10" s="11" t="s">
        <v>6</v>
      </c>
      <c r="B10" s="11" t="s">
        <v>207</v>
      </c>
      <c r="C10" s="11" t="s">
        <v>208</v>
      </c>
      <c r="D10" s="11" t="s">
        <v>208</v>
      </c>
    </row>
    <row r="11" spans="1:4" ht="21" x14ac:dyDescent="0.25">
      <c r="A11" s="11" t="s">
        <v>7</v>
      </c>
      <c r="B11" s="11" t="s">
        <v>7</v>
      </c>
      <c r="C11" s="1" t="s">
        <v>209</v>
      </c>
      <c r="D11" s="1" t="s">
        <v>210</v>
      </c>
    </row>
    <row r="12" spans="1:4" x14ac:dyDescent="0.25">
      <c r="A12" s="4" t="s">
        <v>24</v>
      </c>
      <c r="B12" s="6" t="s">
        <v>211</v>
      </c>
      <c r="C12" s="12">
        <v>0</v>
      </c>
      <c r="D12" s="12">
        <v>0</v>
      </c>
    </row>
    <row r="13" spans="1:4" x14ac:dyDescent="0.25">
      <c r="A13" s="3" t="s">
        <v>26</v>
      </c>
      <c r="B13" s="5" t="s">
        <v>212</v>
      </c>
      <c r="C13" s="13">
        <v>0</v>
      </c>
      <c r="D13" s="13">
        <v>0</v>
      </c>
    </row>
    <row r="14" spans="1:4" x14ac:dyDescent="0.25">
      <c r="A14" s="3" t="s">
        <v>28</v>
      </c>
      <c r="B14" s="5" t="s">
        <v>213</v>
      </c>
      <c r="C14" s="13">
        <v>0</v>
      </c>
      <c r="D14" s="13">
        <v>0</v>
      </c>
    </row>
    <row r="15" spans="1:4" x14ac:dyDescent="0.25">
      <c r="A15" s="4" t="s">
        <v>30</v>
      </c>
      <c r="B15" s="6" t="s">
        <v>214</v>
      </c>
      <c r="C15" s="12">
        <v>0</v>
      </c>
      <c r="D15" s="12">
        <v>0</v>
      </c>
    </row>
    <row r="16" spans="1:4" x14ac:dyDescent="0.25">
      <c r="A16" s="4" t="s">
        <v>33</v>
      </c>
      <c r="B16" s="6" t="s">
        <v>212</v>
      </c>
      <c r="C16" s="12">
        <v>0</v>
      </c>
      <c r="D16" s="12">
        <v>0</v>
      </c>
    </row>
    <row r="17" spans="1:4" x14ac:dyDescent="0.25">
      <c r="A17" s="3" t="s">
        <v>35</v>
      </c>
      <c r="B17" s="5" t="s">
        <v>110</v>
      </c>
      <c r="C17" s="13">
        <v>0</v>
      </c>
      <c r="D17" s="13">
        <v>0</v>
      </c>
    </row>
    <row r="18" spans="1:4" x14ac:dyDescent="0.25">
      <c r="A18" s="3" t="s">
        <v>37</v>
      </c>
      <c r="B18" s="5" t="s">
        <v>215</v>
      </c>
      <c r="C18" s="13">
        <v>0</v>
      </c>
      <c r="D18" s="13">
        <v>0</v>
      </c>
    </row>
    <row r="19" spans="1:4" x14ac:dyDescent="0.25">
      <c r="A19" s="3" t="s">
        <v>39</v>
      </c>
      <c r="B19" s="5" t="s">
        <v>216</v>
      </c>
      <c r="C19" s="13">
        <v>0</v>
      </c>
      <c r="D19" s="13">
        <v>0</v>
      </c>
    </row>
    <row r="20" spans="1:4" x14ac:dyDescent="0.25">
      <c r="A20" s="3" t="s">
        <v>41</v>
      </c>
      <c r="B20" s="5" t="s">
        <v>217</v>
      </c>
      <c r="C20" s="13">
        <v>0</v>
      </c>
      <c r="D20" s="13">
        <v>0</v>
      </c>
    </row>
    <row r="21" spans="1:4" x14ac:dyDescent="0.25">
      <c r="A21" s="3" t="s">
        <v>43</v>
      </c>
      <c r="B21" s="5" t="s">
        <v>218</v>
      </c>
      <c r="C21" s="13">
        <v>0</v>
      </c>
      <c r="D21" s="13">
        <v>0</v>
      </c>
    </row>
    <row r="22" spans="1:4" x14ac:dyDescent="0.25">
      <c r="A22" s="4" t="s">
        <v>45</v>
      </c>
      <c r="B22" s="6" t="s">
        <v>213</v>
      </c>
      <c r="C22" s="12">
        <v>0</v>
      </c>
      <c r="D22" s="12">
        <v>0</v>
      </c>
    </row>
    <row r="23" spans="1:4" x14ac:dyDescent="0.25">
      <c r="A23" s="3" t="s">
        <v>47</v>
      </c>
      <c r="B23" s="5" t="s">
        <v>110</v>
      </c>
      <c r="C23" s="13">
        <v>0</v>
      </c>
      <c r="D23" s="13">
        <v>0</v>
      </c>
    </row>
    <row r="24" spans="1:4" x14ac:dyDescent="0.25">
      <c r="A24" s="3" t="s">
        <v>49</v>
      </c>
      <c r="B24" s="5" t="s">
        <v>215</v>
      </c>
      <c r="C24" s="13">
        <v>0</v>
      </c>
      <c r="D24" s="13">
        <v>0</v>
      </c>
    </row>
    <row r="25" spans="1:4" x14ac:dyDescent="0.25">
      <c r="A25" s="3" t="s">
        <v>51</v>
      </c>
      <c r="B25" s="5" t="s">
        <v>219</v>
      </c>
      <c r="C25" s="13">
        <v>0</v>
      </c>
      <c r="D25" s="13">
        <v>0</v>
      </c>
    </row>
    <row r="26" spans="1:4" x14ac:dyDescent="0.25">
      <c r="A26" s="3" t="s">
        <v>53</v>
      </c>
      <c r="B26" s="5" t="s">
        <v>217</v>
      </c>
      <c r="C26" s="13">
        <v>0</v>
      </c>
      <c r="D26" s="13">
        <v>0</v>
      </c>
    </row>
    <row r="27" spans="1:4" x14ac:dyDescent="0.25">
      <c r="A27" s="3" t="s">
        <v>58</v>
      </c>
      <c r="B27" s="5" t="s">
        <v>220</v>
      </c>
      <c r="C27" s="13">
        <v>0</v>
      </c>
      <c r="D27" s="13">
        <v>0</v>
      </c>
    </row>
    <row r="28" spans="1:4" x14ac:dyDescent="0.25">
      <c r="A28" s="4" t="s">
        <v>60</v>
      </c>
      <c r="B28" s="6" t="s">
        <v>221</v>
      </c>
      <c r="C28" s="12">
        <v>0</v>
      </c>
      <c r="D28" s="12">
        <v>0</v>
      </c>
    </row>
    <row r="30" spans="1:4" x14ac:dyDescent="0.25">
      <c r="A30" s="11" t="s">
        <v>6</v>
      </c>
      <c r="B30" s="11" t="s">
        <v>222</v>
      </c>
      <c r="C30" s="11" t="s">
        <v>56</v>
      </c>
      <c r="D30" s="11" t="s">
        <v>223</v>
      </c>
    </row>
    <row r="31" spans="1:4" x14ac:dyDescent="0.25">
      <c r="A31" s="11" t="s">
        <v>7</v>
      </c>
      <c r="B31" s="11" t="s">
        <v>7</v>
      </c>
      <c r="C31" s="11" t="s">
        <v>7</v>
      </c>
      <c r="D31" s="11" t="s">
        <v>7</v>
      </c>
    </row>
    <row r="32" spans="1:4" x14ac:dyDescent="0.25">
      <c r="A32" s="3" t="s">
        <v>62</v>
      </c>
      <c r="B32" s="5" t="s">
        <v>224</v>
      </c>
      <c r="C32" s="13">
        <v>14679824182.620001</v>
      </c>
      <c r="D32" s="13">
        <v>100</v>
      </c>
    </row>
    <row r="33" spans="1:4" x14ac:dyDescent="0.25">
      <c r="A33" s="3" t="s">
        <v>64</v>
      </c>
      <c r="B33" s="5" t="s">
        <v>225</v>
      </c>
      <c r="C33" s="13">
        <v>1181597.1200000001</v>
      </c>
      <c r="D33" s="13">
        <v>0.01</v>
      </c>
    </row>
    <row r="34" spans="1:4" x14ac:dyDescent="0.25">
      <c r="A34" s="4" t="s">
        <v>66</v>
      </c>
      <c r="B34" s="6" t="s">
        <v>226</v>
      </c>
      <c r="C34" s="12">
        <v>14678642585.5</v>
      </c>
      <c r="D34" s="12">
        <v>99.99</v>
      </c>
    </row>
    <row r="35" spans="1:4" x14ac:dyDescent="0.25">
      <c r="A35" s="3" t="s">
        <v>68</v>
      </c>
      <c r="B35" s="5" t="s">
        <v>227</v>
      </c>
      <c r="C35" s="13">
        <v>0</v>
      </c>
      <c r="D35" s="13">
        <v>0</v>
      </c>
    </row>
    <row r="36" spans="1:4" x14ac:dyDescent="0.25">
      <c r="A36" s="3" t="s">
        <v>70</v>
      </c>
      <c r="B36" s="5" t="s">
        <v>228</v>
      </c>
      <c r="C36" s="13">
        <v>0</v>
      </c>
      <c r="D36" s="13">
        <v>0</v>
      </c>
    </row>
    <row r="37" spans="1:4" x14ac:dyDescent="0.25">
      <c r="A37" s="3" t="s">
        <v>72</v>
      </c>
      <c r="B37" s="5" t="s">
        <v>229</v>
      </c>
      <c r="C37" s="13">
        <v>2348582813.6799998</v>
      </c>
      <c r="D37" s="13">
        <v>16</v>
      </c>
    </row>
    <row r="38" spans="1:4" x14ac:dyDescent="0.25">
      <c r="A38" s="3" t="s">
        <v>87</v>
      </c>
      <c r="B38" s="5" t="s">
        <v>230</v>
      </c>
      <c r="C38" s="13">
        <v>2113724532.3099999</v>
      </c>
      <c r="D38" s="13">
        <v>14.4</v>
      </c>
    </row>
    <row r="39" spans="1:4" x14ac:dyDescent="0.25">
      <c r="A39" s="3" t="s">
        <v>129</v>
      </c>
      <c r="B39" s="5" t="s">
        <v>231</v>
      </c>
      <c r="C39" s="13">
        <v>0</v>
      </c>
      <c r="D39" s="13">
        <v>0</v>
      </c>
    </row>
    <row r="40" spans="1:4" x14ac:dyDescent="0.25">
      <c r="A40" s="3" t="s">
        <v>131</v>
      </c>
      <c r="B40" s="5" t="s">
        <v>232</v>
      </c>
      <c r="C40" s="13">
        <v>1027504980.98</v>
      </c>
      <c r="D40" s="13">
        <v>7</v>
      </c>
    </row>
    <row r="42" spans="1:4" x14ac:dyDescent="0.25">
      <c r="A42" s="11" t="s">
        <v>6</v>
      </c>
      <c r="B42" s="11" t="s">
        <v>233</v>
      </c>
      <c r="C42" s="11" t="s">
        <v>234</v>
      </c>
      <c r="D42" s="11" t="s">
        <v>234</v>
      </c>
    </row>
    <row r="43" spans="1:4" ht="21" x14ac:dyDescent="0.25">
      <c r="A43" s="11" t="s">
        <v>7</v>
      </c>
      <c r="B43" s="11" t="s">
        <v>7</v>
      </c>
      <c r="C43" s="1" t="s">
        <v>209</v>
      </c>
      <c r="D43" s="1" t="s">
        <v>210</v>
      </c>
    </row>
    <row r="44" spans="1:4" x14ac:dyDescent="0.25">
      <c r="A44" s="4" t="s">
        <v>132</v>
      </c>
      <c r="B44" s="6" t="s">
        <v>235</v>
      </c>
      <c r="C44" s="12">
        <v>0</v>
      </c>
      <c r="D44" s="12">
        <v>0</v>
      </c>
    </row>
    <row r="45" spans="1:4" x14ac:dyDescent="0.25">
      <c r="A45" s="3" t="s">
        <v>134</v>
      </c>
      <c r="B45" s="5" t="s">
        <v>236</v>
      </c>
      <c r="C45" s="13">
        <v>0</v>
      </c>
      <c r="D45" s="13">
        <v>0</v>
      </c>
    </row>
    <row r="46" spans="1:4" x14ac:dyDescent="0.25">
      <c r="A46" s="3" t="s">
        <v>136</v>
      </c>
      <c r="B46" s="5" t="s">
        <v>237</v>
      </c>
      <c r="C46" s="13">
        <v>0</v>
      </c>
      <c r="D46" s="13">
        <v>0</v>
      </c>
    </row>
    <row r="47" spans="1:4" x14ac:dyDescent="0.25">
      <c r="A47" s="3" t="s">
        <v>138</v>
      </c>
      <c r="B47" s="5" t="s">
        <v>238</v>
      </c>
      <c r="C47" s="13">
        <v>0</v>
      </c>
      <c r="D47" s="13">
        <v>0</v>
      </c>
    </row>
    <row r="48" spans="1:4" x14ac:dyDescent="0.25">
      <c r="A48" s="3" t="s">
        <v>140</v>
      </c>
      <c r="B48" s="5" t="s">
        <v>239</v>
      </c>
      <c r="C48" s="13">
        <v>0</v>
      </c>
      <c r="D48" s="13">
        <v>0</v>
      </c>
    </row>
  </sheetData>
  <mergeCells count="16">
    <mergeCell ref="A42:A43"/>
    <mergeCell ref="B42:B43"/>
    <mergeCell ref="C42:D42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2"/>
  <sheetViews>
    <sheetView showGridLines="0" tabSelected="1" workbookViewId="0">
      <selection activeCell="I35" sqref="I35"/>
    </sheetView>
  </sheetViews>
  <sheetFormatPr defaultRowHeight="15" x14ac:dyDescent="0.25"/>
  <cols>
    <col min="1" max="1" width="2.42578125" bestFit="1" customWidth="1"/>
    <col min="2" max="2" width="62" bestFit="1" customWidth="1"/>
    <col min="3" max="3" width="18.28515625" bestFit="1" customWidth="1"/>
    <col min="4" max="4" width="8" bestFit="1" customWidth="1"/>
  </cols>
  <sheetData>
    <row r="3" spans="1:4" x14ac:dyDescent="0.25">
      <c r="A3" s="7" t="s">
        <v>0</v>
      </c>
      <c r="B3" s="8"/>
      <c r="C3" s="8"/>
      <c r="D3" s="8"/>
    </row>
    <row r="4" spans="1:4" x14ac:dyDescent="0.25">
      <c r="A4" s="7" t="s">
        <v>1</v>
      </c>
      <c r="B4" s="8"/>
      <c r="C4" s="8"/>
      <c r="D4" s="8"/>
    </row>
    <row r="5" spans="1:4" x14ac:dyDescent="0.25">
      <c r="A5" s="9" t="s">
        <v>240</v>
      </c>
      <c r="B5" s="8"/>
      <c r="C5" s="8"/>
      <c r="D5" s="8"/>
    </row>
    <row r="6" spans="1:4" x14ac:dyDescent="0.25">
      <c r="A6" s="7" t="s">
        <v>3</v>
      </c>
      <c r="B6" s="8"/>
      <c r="C6" s="8"/>
      <c r="D6" s="8"/>
    </row>
    <row r="7" spans="1:4" x14ac:dyDescent="0.25">
      <c r="A7" s="7" t="s">
        <v>4</v>
      </c>
      <c r="B7" s="8"/>
      <c r="C7" s="8"/>
      <c r="D7" s="8"/>
    </row>
    <row r="9" spans="1:4" x14ac:dyDescent="0.25">
      <c r="A9" s="10" t="s">
        <v>241</v>
      </c>
      <c r="B9" s="8"/>
      <c r="C9" s="8"/>
      <c r="D9" s="8"/>
    </row>
    <row r="10" spans="1:4" x14ac:dyDescent="0.25">
      <c r="A10" s="11" t="s">
        <v>6</v>
      </c>
      <c r="B10" s="11" t="s">
        <v>242</v>
      </c>
      <c r="C10" s="11" t="s">
        <v>243</v>
      </c>
    </row>
    <row r="11" spans="1:4" x14ac:dyDescent="0.25">
      <c r="A11" s="11" t="s">
        <v>7</v>
      </c>
      <c r="B11" s="11" t="s">
        <v>7</v>
      </c>
      <c r="C11" s="11" t="s">
        <v>7</v>
      </c>
    </row>
    <row r="12" spans="1:4" x14ac:dyDescent="0.25">
      <c r="A12" s="3" t="s">
        <v>24</v>
      </c>
      <c r="B12" s="5" t="s">
        <v>244</v>
      </c>
      <c r="C12" s="13">
        <v>14679824182.620001</v>
      </c>
    </row>
    <row r="13" spans="1:4" x14ac:dyDescent="0.25">
      <c r="A13" s="3" t="s">
        <v>26</v>
      </c>
      <c r="B13" s="5" t="s">
        <v>245</v>
      </c>
      <c r="C13" s="13">
        <v>14678642585.5</v>
      </c>
    </row>
    <row r="14" spans="1:4" x14ac:dyDescent="0.25">
      <c r="A14" s="3" t="s">
        <v>28</v>
      </c>
      <c r="B14" s="5" t="s">
        <v>246</v>
      </c>
      <c r="C14" s="13">
        <v>14678642585.5</v>
      </c>
    </row>
    <row r="16" spans="1:4" x14ac:dyDescent="0.25">
      <c r="A16" s="11" t="s">
        <v>6</v>
      </c>
      <c r="B16" s="11" t="s">
        <v>8</v>
      </c>
      <c r="C16" s="11" t="s">
        <v>56</v>
      </c>
      <c r="D16" s="11" t="s">
        <v>57</v>
      </c>
    </row>
    <row r="17" spans="1:4" x14ac:dyDescent="0.25">
      <c r="A17" s="11" t="s">
        <v>7</v>
      </c>
      <c r="B17" s="11" t="s">
        <v>7</v>
      </c>
      <c r="C17" s="11" t="s">
        <v>7</v>
      </c>
      <c r="D17" s="11" t="s">
        <v>7</v>
      </c>
    </row>
    <row r="18" spans="1:4" x14ac:dyDescent="0.25">
      <c r="A18" s="3" t="s">
        <v>30</v>
      </c>
      <c r="B18" s="5" t="s">
        <v>247</v>
      </c>
      <c r="C18" s="13">
        <v>6030344782.3500004</v>
      </c>
      <c r="D18" s="13">
        <v>41.08</v>
      </c>
    </row>
    <row r="19" spans="1:4" x14ac:dyDescent="0.25">
      <c r="A19" s="3" t="s">
        <v>33</v>
      </c>
      <c r="B19" s="5" t="s">
        <v>248</v>
      </c>
      <c r="C19" s="13">
        <v>7192534866.8900003</v>
      </c>
      <c r="D19" s="13">
        <v>49</v>
      </c>
    </row>
    <row r="20" spans="1:4" x14ac:dyDescent="0.25">
      <c r="A20" s="3" t="s">
        <v>35</v>
      </c>
      <c r="B20" s="5" t="s">
        <v>249</v>
      </c>
      <c r="C20" s="13">
        <v>6832908123.5500002</v>
      </c>
      <c r="D20" s="13">
        <v>46.55</v>
      </c>
    </row>
    <row r="21" spans="1:4" x14ac:dyDescent="0.25">
      <c r="A21" s="3" t="s">
        <v>37</v>
      </c>
      <c r="B21" s="5" t="s">
        <v>250</v>
      </c>
      <c r="C21" s="13">
        <v>6473281380.1999998</v>
      </c>
      <c r="D21" s="13">
        <v>44.1</v>
      </c>
    </row>
    <row r="23" spans="1:4" x14ac:dyDescent="0.25">
      <c r="A23" s="11" t="s">
        <v>6</v>
      </c>
      <c r="B23" s="11" t="s">
        <v>101</v>
      </c>
      <c r="C23" s="11" t="s">
        <v>56</v>
      </c>
      <c r="D23" s="11" t="s">
        <v>223</v>
      </c>
    </row>
    <row r="24" spans="1:4" x14ac:dyDescent="0.25">
      <c r="A24" s="11" t="s">
        <v>7</v>
      </c>
      <c r="B24" s="11" t="s">
        <v>7</v>
      </c>
      <c r="C24" s="11" t="s">
        <v>7</v>
      </c>
      <c r="D24" s="11" t="s">
        <v>7</v>
      </c>
    </row>
    <row r="25" spans="1:4" x14ac:dyDescent="0.25">
      <c r="A25" s="3" t="s">
        <v>39</v>
      </c>
      <c r="B25" s="5" t="s">
        <v>251</v>
      </c>
      <c r="C25" s="13">
        <v>4406036391.1400003</v>
      </c>
      <c r="D25" s="13">
        <v>30.02</v>
      </c>
    </row>
    <row r="26" spans="1:4" x14ac:dyDescent="0.25">
      <c r="A26" s="3" t="s">
        <v>41</v>
      </c>
      <c r="B26" s="5" t="s">
        <v>252</v>
      </c>
      <c r="C26" s="13">
        <v>29359648365.240002</v>
      </c>
      <c r="D26" s="13">
        <v>200</v>
      </c>
    </row>
    <row r="28" spans="1:4" x14ac:dyDescent="0.25">
      <c r="A28" s="11" t="s">
        <v>6</v>
      </c>
      <c r="B28" s="11" t="s">
        <v>253</v>
      </c>
      <c r="C28" s="11" t="s">
        <v>56</v>
      </c>
      <c r="D28" s="11" t="s">
        <v>223</v>
      </c>
    </row>
    <row r="29" spans="1:4" x14ac:dyDescent="0.25">
      <c r="A29" s="11" t="s">
        <v>7</v>
      </c>
      <c r="B29" s="11" t="s">
        <v>7</v>
      </c>
      <c r="C29" s="11" t="s">
        <v>7</v>
      </c>
      <c r="D29" s="11" t="s">
        <v>7</v>
      </c>
    </row>
    <row r="30" spans="1:4" x14ac:dyDescent="0.25">
      <c r="A30" s="3" t="s">
        <v>43</v>
      </c>
      <c r="B30" s="5" t="s">
        <v>254</v>
      </c>
      <c r="C30" s="13">
        <v>0</v>
      </c>
      <c r="D30" s="13">
        <v>0</v>
      </c>
    </row>
    <row r="31" spans="1:4" x14ac:dyDescent="0.25">
      <c r="A31" s="3" t="s">
        <v>45</v>
      </c>
      <c r="B31" s="5" t="s">
        <v>252</v>
      </c>
      <c r="C31" s="13">
        <v>3229301368.8099999</v>
      </c>
      <c r="D31" s="13">
        <v>22</v>
      </c>
    </row>
    <row r="33" spans="1:4" x14ac:dyDescent="0.25">
      <c r="A33" s="11" t="s">
        <v>6</v>
      </c>
      <c r="B33" s="11" t="s">
        <v>207</v>
      </c>
      <c r="C33" s="11" t="s">
        <v>56</v>
      </c>
      <c r="D33" s="11" t="s">
        <v>223</v>
      </c>
    </row>
    <row r="34" spans="1:4" x14ac:dyDescent="0.25">
      <c r="A34" s="11" t="s">
        <v>7</v>
      </c>
      <c r="B34" s="11" t="s">
        <v>7</v>
      </c>
      <c r="C34" s="11" t="s">
        <v>7</v>
      </c>
      <c r="D34" s="11" t="s">
        <v>7</v>
      </c>
    </row>
    <row r="35" spans="1:4" x14ac:dyDescent="0.25">
      <c r="A35" s="3" t="s">
        <v>47</v>
      </c>
      <c r="B35" s="5" t="s">
        <v>255</v>
      </c>
      <c r="C35" s="13">
        <v>0</v>
      </c>
      <c r="D35" s="13">
        <v>0</v>
      </c>
    </row>
    <row r="36" spans="1:4" x14ac:dyDescent="0.25">
      <c r="A36" s="3" t="s">
        <v>49</v>
      </c>
      <c r="B36" s="5" t="s">
        <v>256</v>
      </c>
      <c r="C36" s="13">
        <v>2348582813.6799998</v>
      </c>
      <c r="D36" s="13">
        <v>16</v>
      </c>
    </row>
    <row r="37" spans="1:4" x14ac:dyDescent="0.25">
      <c r="A37" s="3" t="s">
        <v>51</v>
      </c>
      <c r="B37" s="5" t="s">
        <v>257</v>
      </c>
      <c r="C37" s="13">
        <v>0</v>
      </c>
      <c r="D37" s="13">
        <v>0</v>
      </c>
    </row>
    <row r="38" spans="1:4" x14ac:dyDescent="0.25">
      <c r="A38" s="3" t="s">
        <v>53</v>
      </c>
      <c r="B38" s="5" t="s">
        <v>258</v>
      </c>
      <c r="C38" s="13">
        <v>1027504980.98</v>
      </c>
      <c r="D38" s="13">
        <v>7</v>
      </c>
    </row>
    <row r="40" spans="1:4" x14ac:dyDescent="0.25">
      <c r="A40" s="11" t="s">
        <v>6</v>
      </c>
      <c r="B40" s="11" t="s">
        <v>259</v>
      </c>
      <c r="C40" s="11" t="s">
        <v>260</v>
      </c>
      <c r="D40" s="11" t="s">
        <v>261</v>
      </c>
    </row>
    <row r="41" spans="1:4" x14ac:dyDescent="0.25">
      <c r="A41" s="11" t="s">
        <v>7</v>
      </c>
      <c r="B41" s="11" t="s">
        <v>7</v>
      </c>
      <c r="C41" s="11" t="s">
        <v>7</v>
      </c>
      <c r="D41" s="11" t="s">
        <v>7</v>
      </c>
    </row>
    <row r="42" spans="1:4" x14ac:dyDescent="0.25">
      <c r="A42" s="3" t="s">
        <v>58</v>
      </c>
      <c r="B42" s="5" t="s">
        <v>262</v>
      </c>
      <c r="C42" s="2" t="s">
        <v>32</v>
      </c>
      <c r="D42" s="2" t="s">
        <v>32</v>
      </c>
    </row>
  </sheetData>
  <mergeCells count="29">
    <mergeCell ref="A33:A34"/>
    <mergeCell ref="B33:B34"/>
    <mergeCell ref="C33:C34"/>
    <mergeCell ref="D33:D34"/>
    <mergeCell ref="A40:A41"/>
    <mergeCell ref="B40:B41"/>
    <mergeCell ref="C40:C41"/>
    <mergeCell ref="D40:D41"/>
    <mergeCell ref="A23:A24"/>
    <mergeCell ref="B23:B24"/>
    <mergeCell ref="C23:C24"/>
    <mergeCell ref="D23:D24"/>
    <mergeCell ref="A28:A29"/>
    <mergeCell ref="B28:B29"/>
    <mergeCell ref="C28:C29"/>
    <mergeCell ref="D28:D29"/>
    <mergeCell ref="A9:D9"/>
    <mergeCell ref="A10:A11"/>
    <mergeCell ref="B10:B11"/>
    <mergeCell ref="C10:C11"/>
    <mergeCell ref="A16:A17"/>
    <mergeCell ref="B16:B17"/>
    <mergeCell ref="C16:C17"/>
    <mergeCell ref="D16:D17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1.1 - Despesa com Pess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1-05-26T14:33:47Z</dcterms:created>
  <dcterms:modified xsi:type="dcterms:W3CDTF">2021-05-26T14:41:41Z</dcterms:modified>
</cp:coreProperties>
</file>